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Default Extension="jpe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1A47CC" w:rsidRDefault="001A47CC" w:rsidP="00DD6738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</w:rPr>
      </w:pPr>
      <w:bookmarkStart w:id="0" w:name="_GoBack"/>
      <w:bookmarkEnd w:id="0"/>
    </w:p>
    <w:p w:rsidR="007C5060" w:rsidRPr="00AC1EC5" w:rsidRDefault="001A47CC" w:rsidP="001A47C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i/>
          <w:color w:val="000000" w:themeColor="text1"/>
        </w:rPr>
      </w:pPr>
      <w:r w:rsidRPr="00AC1EC5">
        <w:rPr>
          <w:rFonts w:ascii="Times New Roman" w:hAnsi="Times New Roman" w:cs="Times New Roman"/>
          <w:i/>
          <w:color w:val="000000" w:themeColor="text1"/>
        </w:rPr>
        <w:t>Background</w:t>
      </w:r>
    </w:p>
    <w:p w:rsidR="007C5060" w:rsidRPr="00DD6738" w:rsidRDefault="007C5060" w:rsidP="001A47C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</w:rPr>
      </w:pPr>
    </w:p>
    <w:p w:rsidR="003540EC" w:rsidRPr="00DD6738" w:rsidRDefault="003540EC" w:rsidP="001A47CC">
      <w:pPr>
        <w:pStyle w:val="HTMLPreformatted"/>
        <w:tabs>
          <w:tab w:val="clear" w:pos="9160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Radial neck fractures are rare lesions. The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y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ccount for 5-10% of all elbow fractures in children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[1]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nd 1% </w:t>
      </w:r>
      <w:r w:rsidR="005A785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of all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 fractures in the pediatric age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2]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.</w:t>
      </w:r>
    </w:p>
    <w:p w:rsidR="00D97D59" w:rsidRPr="00DD6738" w:rsidRDefault="003540EC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In </w:t>
      </w:r>
      <w:r w:rsidR="002244C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1950, Jeffery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[3, 4] </w:t>
      </w:r>
      <w:r w:rsidR="005A785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showed</w:t>
      </w:r>
      <w:r w:rsidR="0084680E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wo</w:t>
      </w:r>
      <w:r w:rsidR="005208D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different types of displacement of the capital </w:t>
      </w:r>
      <w:r w:rsidR="002244C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epiphysis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of the radius. In the m</w:t>
      </w:r>
      <w:r w:rsidR="00C10E6C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ost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common type </w:t>
      </w:r>
      <w:r w:rsidR="005208D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displacement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, </w:t>
      </w:r>
      <w:r w:rsidR="00C10E6C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were</w:t>
      </w:r>
      <w:r w:rsidR="005208D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fractures of the neck of the radius produced by a valgus overload that caused a lateral inclination of the he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d of the radius from 0º to 90º.</w:t>
      </w:r>
    </w:p>
    <w:p w:rsidR="00D97D59" w:rsidRPr="00DD6738" w:rsidRDefault="005208DB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In 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he m</w:t>
      </w:r>
      <w:r w:rsidR="00C10E6C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ost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uncommon type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I fracture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, the capital epiphysis of the radiu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s </w:t>
      </w:r>
      <w:r w:rsidR="00C10E6C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was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found rotated backwards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90º.  Jeffery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3, 4]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described the Type II fracture as an injury produced during the reduction phase of a dislocation or subluxation of the elbow as a result of the impact of the </w:t>
      </w:r>
      <w:proofErr w:type="spellStart"/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apitel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l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um</w:t>
      </w:r>
      <w:proofErr w:type="spellEnd"/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gainst the anterior</w:t>
      </w:r>
      <w:r w:rsidR="006C2C4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lip of the radial </w:t>
      </w:r>
      <w:r w:rsidR="00DD673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head that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6C2C4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causes 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he</w:t>
      </w:r>
      <w:r w:rsidR="006C2C4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backward tilt of the latter.  This mechanism can be compared with that of a bottle-</w:t>
      </w:r>
      <w:r w:rsidR="00DD673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opener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5]</w:t>
      </w:r>
      <w:r w:rsidR="006C2C4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</w:p>
    <w:p w:rsidR="00F61162" w:rsidRPr="00DD6738" w:rsidRDefault="00F61162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he elbow strikes</w:t>
      </w:r>
      <w:r w:rsidR="006C2C4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 ground and the resulting upward for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ce on the flexed elbow separates </w:t>
      </w:r>
      <w:r w:rsidR="006C2C4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he capital epiphysis of the radius by impact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ing</w:t>
      </w:r>
      <w:r w:rsidR="006C2C4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gainst</w:t>
      </w:r>
      <w:r w:rsidR="006C2C4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 inferior aspect of the </w:t>
      </w:r>
      <w:proofErr w:type="spellStart"/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apitel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l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um</w:t>
      </w:r>
      <w:proofErr w:type="spellEnd"/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which causes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spontaneous reduction of the dislocation, leaving the separated radial head beneath the </w:t>
      </w:r>
      <w:proofErr w:type="spellStart"/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apitel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l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um</w:t>
      </w:r>
      <w:proofErr w:type="spellEnd"/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[1, 5]</w:t>
      </w:r>
    </w:p>
    <w:p w:rsidR="002C6F26" w:rsidRPr="00DD6738" w:rsidRDefault="005A785F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he t</w:t>
      </w:r>
      <w:r w:rsidR="00F61162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reatment of radial neck fractures in c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hildren varies according to fracture</w:t>
      </w:r>
      <w:r w:rsidR="0016348A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´s</w:t>
      </w:r>
      <w:r w:rsidR="00F61162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DD673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displacement,</w:t>
      </w:r>
      <w:r w:rsidR="00D97D5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F61162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ngulation, and skeletal maturity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6]</w:t>
      </w:r>
      <w:r w:rsidR="00F61162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</w:t>
      </w:r>
      <w:r w:rsidR="002C6F2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Nondisplaced fractures can be treated with closed reduction and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asting [5, 7]</w:t>
      </w:r>
      <w:r w:rsidR="0084680E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2C6F2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Displaced radial neck fractures with &gt; 30 º angulation should be </w:t>
      </w:r>
      <w:r w:rsidR="00B57902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reated </w:t>
      </w:r>
      <w:r w:rsidR="002C6F2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surgically</w:t>
      </w:r>
      <w:r w:rsidR="0084680E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;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re</w:t>
      </w:r>
      <w:r w:rsidR="002C6F2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re several options, 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percutaneous</w:t>
      </w:r>
      <w:r w:rsidR="002C6F2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pin reduction, elastic stable intramedullary nailing, </w:t>
      </w:r>
      <w:r w:rsidR="0084680E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nd open</w:t>
      </w:r>
      <w:r w:rsidR="002C6F2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reduction with or without internal fixation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6,8,9]</w:t>
      </w:r>
      <w:r w:rsidR="002C6F2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Open reduction is a method of treatment often used in comminuted fractures or in fractures with a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ompletely, anteriorly or posteriorly,</w:t>
      </w:r>
      <w:r w:rsidR="002C6F2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displaced head on the radial metaphysis and when closed reduction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has failed [6].</w:t>
      </w:r>
      <w:r w:rsidR="002C6F2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</w:p>
    <w:p w:rsidR="000D2525" w:rsidRPr="00DD6738" w:rsidRDefault="00FB7065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 aim of this </w:t>
      </w:r>
      <w:r w:rsidR="008C01F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rticle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s to analyze the outcomes of </w:t>
      </w:r>
      <w:r w:rsidR="002C256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ompletely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d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isplaced and angulated fracture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s. Also, since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re is no consensus on </w:t>
      </w:r>
      <w:r w:rsidR="002C256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which technique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shoul</w:t>
      </w:r>
      <w:r w:rsidR="000D252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d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be used,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we</w:t>
      </w:r>
      <w:r w:rsidR="000D252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believe that surgeons must be aware of the importance of a correct </w:t>
      </w:r>
      <w:r w:rsidR="002C256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reduction,</w:t>
      </w:r>
      <w:r w:rsidR="000D252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nd if an open </w:t>
      </w:r>
      <w:r w:rsidR="002C256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pproach</w:t>
      </w:r>
      <w:r w:rsidR="000D252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s </w:t>
      </w:r>
      <w:r w:rsidR="0084680E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performed,</w:t>
      </w:r>
      <w:r w:rsidR="000D252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nternal fixation should be the technique of choice.</w:t>
      </w:r>
    </w:p>
    <w:p w:rsidR="00A918C0" w:rsidRPr="00AC1EC5" w:rsidRDefault="00A918C0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i/>
          <w:color w:val="000000" w:themeColor="text1"/>
          <w:sz w:val="24"/>
          <w:szCs w:val="24"/>
          <w:lang w:val="en-US"/>
        </w:rPr>
      </w:pPr>
    </w:p>
    <w:p w:rsidR="007D2AD2" w:rsidRPr="00AC1EC5" w:rsidRDefault="001A47CC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i/>
          <w:color w:val="000000" w:themeColor="text1"/>
          <w:sz w:val="24"/>
          <w:szCs w:val="24"/>
          <w:lang w:val="en-US"/>
        </w:rPr>
      </w:pPr>
      <w:r w:rsidRPr="00AC1EC5">
        <w:rPr>
          <w:rFonts w:ascii="Times New Roman" w:hAnsi="Times New Roman" w:cs="Times New Roman"/>
          <w:i/>
          <w:color w:val="000000" w:themeColor="text1"/>
          <w:sz w:val="24"/>
          <w:szCs w:val="24"/>
          <w:lang w:val="en-US"/>
        </w:rPr>
        <w:t>Material and Methods</w:t>
      </w:r>
    </w:p>
    <w:p w:rsidR="007D2AD2" w:rsidRPr="00DD6738" w:rsidRDefault="007D2AD2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</w:p>
    <w:p w:rsidR="00B85EDE" w:rsidRDefault="002C6F26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lastRenderedPageBreak/>
        <w:t xml:space="preserve">We present a case </w:t>
      </w:r>
      <w:r w:rsidR="00AC5AD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of a 12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AC5AD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year- old boy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who </w:t>
      </w:r>
      <w:r w:rsidR="00AC5AD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was admitted </w:t>
      </w:r>
      <w:r w:rsidR="002C256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o our</w:t>
      </w:r>
      <w:r w:rsidR="00AC5AD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emergency 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department in</w:t>
      </w:r>
      <w:r w:rsidR="00B136DC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September</w:t>
      </w:r>
      <w:r w:rsidR="002C256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2016. He was injured after falling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on his</w:t>
      </w:r>
      <w:r w:rsidR="002C256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r</w:t>
      </w:r>
      <w:r w:rsidR="00B85EDE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ight hand with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his </w:t>
      </w:r>
      <w:r w:rsidR="00B85EDE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elbow flexed. He referred a spontaneous reduction of his elbow. Physical examination showed moderate swelling of the elbow and any passive or active motion of the joint was impossible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due to</w:t>
      </w:r>
      <w:r w:rsidR="00B85EDE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pain. Radiographs showed a displaced radial head lying at</w:t>
      </w:r>
      <w:r w:rsidR="008C01F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90º to </w:t>
      </w:r>
      <w:r w:rsidR="00164ABE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 shaft (Fig.1A, 1B) </w:t>
      </w:r>
    </w:p>
    <w:p w:rsidR="00A450D2" w:rsidRDefault="00A450D2" w:rsidP="00A450D2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ab/>
        <w:t xml:space="preserve">  </w:t>
      </w:r>
      <w:r w:rsidR="007E0B09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   </w:t>
      </w:r>
      <w:r>
        <w:rPr>
          <w:rFonts w:ascii="Times New Roman" w:hAnsi="Times New Roman" w:cs="Times New Roman"/>
          <w:noProof/>
          <w:color w:val="000000" w:themeColor="text1"/>
          <w:sz w:val="24"/>
          <w:szCs w:val="24"/>
          <w:lang w:val="en-US" w:eastAsia="en-US"/>
        </w:rPr>
        <w:drawing>
          <wp:inline distT="0" distB="0" distL="0" distR="0">
            <wp:extent cx="5133975" cy="2657475"/>
            <wp:effectExtent l="0" t="0" r="9525" b="0"/>
            <wp:docPr id="1" name="Imagen 1" descr="C:\Users\Usuario\Desktop\LAURA IMPORTANTE\TRABAJO JOURNALS LAURA\jeffery caso clinico article\Nueva carpeta\fotos\fij 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Usuario\Desktop\LAURA IMPORTANTE\TRABAJO JOURNALS LAURA\jeffery caso clinico article\Nueva carpeta\fotos\fij 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588" t="17412" r="3294" b="16942"/>
                    <a:stretch/>
                  </pic:blipFill>
                  <pic:spPr bwMode="auto">
                    <a:xfrm>
                      <a:off x="0" y="0"/>
                      <a:ext cx="5136391" cy="26587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A450D2" w:rsidRDefault="00A450D2" w:rsidP="00A450D2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Fig 1A, 1B: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Radiographs showed a displaced radial head lying at 90º to </w:t>
      </w: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 shaft  </w:t>
      </w:r>
    </w:p>
    <w:p w:rsidR="00A450D2" w:rsidRPr="00DD6738" w:rsidRDefault="00A450D2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</w:p>
    <w:p w:rsidR="0087142F" w:rsidRPr="00DD6738" w:rsidRDefault="00B85EDE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Reduction by closed external manipulation by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Patterson and Israeli </w:t>
      </w:r>
      <w:r w:rsidR="00BE7E2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echnique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was unsuccessful. </w:t>
      </w:r>
      <w:r w:rsidR="00BE7E2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Open reduction was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performed via a</w:t>
      </w:r>
      <w:r w:rsidR="00BE7E2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lateral radial head 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pproach; it showed that </w:t>
      </w:r>
      <w:r w:rsidR="00CB1DC1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 head was completely turned over without vascular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supply.</w:t>
      </w:r>
    </w:p>
    <w:p w:rsidR="00CB1DC1" w:rsidRPr="00DD6738" w:rsidRDefault="004D01C8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he head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was 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stabilized by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8C01F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using the</w:t>
      </w:r>
      <w:r w:rsidR="00BE7E2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proofErr w:type="spellStart"/>
      <w:r w:rsidR="00BE7E2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Métaizeau</w:t>
      </w:r>
      <w:proofErr w:type="spellEnd"/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echnique</w:t>
      </w:r>
      <w:r w:rsidR="00BE7E2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6C2E6D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pinning. </w:t>
      </w:r>
      <w:r w:rsidR="00CB1DC1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Under general 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nesthesia,</w:t>
      </w:r>
      <w:r w:rsidR="00CB1DC1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stability 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of the elbow </w:t>
      </w:r>
      <w:r w:rsidR="00CB1DC1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was checked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, and</w:t>
      </w:r>
      <w:r w:rsidR="00CB1DC1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immobilized </w:t>
      </w:r>
      <w:r w:rsidR="00CB1DC1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by cast in 90º elbow flexion and about 45 º of pronation for 4 to 5 weeks. </w:t>
      </w:r>
    </w:p>
    <w:p w:rsidR="00D218C0" w:rsidRDefault="00CB1DC1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t </w:t>
      </w:r>
      <w:r w:rsidR="007E51D3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4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months follow-up,</w:t>
      </w:r>
      <w:r w:rsidR="00F22D1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 patient present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ed</w:t>
      </w:r>
      <w:r w:rsidR="00F22D1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loss of motion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nd 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on</w:t>
      </w:r>
      <w:r w:rsidR="007E51D3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radiographic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examination;</w:t>
      </w:r>
      <w:r w:rsidR="00C10E6C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(Fig 2</w:t>
      </w:r>
      <w:r w:rsidR="00D2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,2B</w:t>
      </w:r>
      <w:r w:rsidR="00C10E6C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)</w:t>
      </w:r>
      <w:r w:rsidR="007E51D3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racture was a bit slow to heal which</w:t>
      </w:r>
      <w:r w:rsidR="007E51D3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was</w:t>
      </w:r>
      <w:r w:rsidR="00E36FE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considered as a delayed union. At that moment, the oxford elbow score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[10] </w:t>
      </w:r>
      <w:r w:rsidR="00E36FE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was 28. </w:t>
      </w:r>
    </w:p>
    <w:p w:rsidR="00D218C0" w:rsidRDefault="00D218C0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</w:p>
    <w:p w:rsidR="00D218C0" w:rsidRDefault="00D218C0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  <w:lang w:val="en-US" w:eastAsia="en-US"/>
        </w:rPr>
        <w:lastRenderedPageBreak/>
        <w:drawing>
          <wp:inline distT="0" distB="0" distL="0" distR="0">
            <wp:extent cx="5400675" cy="2828925"/>
            <wp:effectExtent l="0" t="0" r="9525" b="9525"/>
            <wp:docPr id="4" name="Imagen 4" descr="E:\LAURA IMPORTANTE\TRABAJO JOURNALS LAURA\jeffery caso clinico article\Nueva carpeta\fotos\foto pseudoart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E:\LAURA IMPORTANTE\TRABAJO JOURNALS LAURA\jeffery caso clinico article\Nueva carpeta\fotos\foto pseudoarto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7412" r="-60" b="12706"/>
                    <a:stretch/>
                  </pic:blipFill>
                  <pic:spPr bwMode="auto">
                    <a:xfrm>
                      <a:off x="0" y="0"/>
                      <a:ext cx="5403216" cy="283025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D218C0" w:rsidRDefault="00D218C0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ig 2A</w:t>
      </w:r>
      <w:r w:rsidR="00534E5B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, 2B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</w:t>
      </w:r>
      <w:r w:rsidR="00CA66FE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Four months post-op. 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D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elay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ed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consolidation can be observed, 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in both AP and lateral views</w:t>
      </w:r>
    </w:p>
    <w:p w:rsidR="002C6F26" w:rsidRDefault="007E51D3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 new open reduction was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performed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, intramedullary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pinning</w:t>
      </w:r>
      <w:r w:rsidR="004D01C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removed,</w:t>
      </w:r>
      <w:r w:rsidR="004D01C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0913E0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nd the</w:t>
      </w:r>
      <w:r w:rsidR="004D01C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rea</w:t>
      </w:r>
      <w:r w:rsidR="004D01C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was cleaned</w:t>
      </w:r>
      <w:r w:rsidR="005F03F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of fibrous adhesions</w:t>
      </w:r>
      <w:r w:rsidR="008C01F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n</w:t>
      </w:r>
      <w:r w:rsidR="006C2E6D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d fixed with 1.5mm screws (Fig.</w:t>
      </w:r>
      <w:r w:rsidR="00D2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3A,3B</w:t>
      </w:r>
      <w:r w:rsidR="008C01F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).</w:t>
      </w:r>
      <w:r w:rsidR="004D01C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 stability of the fracture a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nd the mobility of the elbow were</w:t>
      </w:r>
      <w:r w:rsidR="004D01C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c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hecked in the operating room. R</w:t>
      </w:r>
      <w:r w:rsidR="004D01C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nge of montion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(ROM)</w:t>
      </w:r>
      <w:r w:rsidR="004D01C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n flexion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was </w:t>
      </w:r>
      <w:r w:rsidR="004D01C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14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0º with a</w:t>
      </w:r>
      <w:r w:rsidR="004D01C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loss of </w:t>
      </w:r>
      <w:r w:rsidR="0087142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10 º of extension and complete</w:t>
      </w:r>
      <w:r w:rsidR="004D01C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pronation and supination</w:t>
      </w:r>
      <w:r w:rsidR="004D01C8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</w:t>
      </w:r>
      <w:r w:rsidR="00534E5B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 immobilization was removed 15 days after the surgery, and physical therapy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was started</w:t>
      </w:r>
      <w:r w:rsidR="00534E5B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One and a half months after surgery, he started to swim </w:t>
      </w:r>
      <w:r w:rsidR="00847E70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nd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, </w:t>
      </w:r>
      <w:r w:rsidR="00847E70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fter</w:t>
      </w:r>
      <w:r w:rsidR="00534E5B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five months, 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he progressively </w:t>
      </w:r>
      <w:r w:rsidR="00534E5B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restarted his sporting activity, canoeing.</w:t>
      </w:r>
      <w:r w:rsidR="00534E5B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    </w:t>
      </w:r>
    </w:p>
    <w:p w:rsidR="00A450D2" w:rsidRDefault="00A450D2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</w:p>
    <w:p w:rsidR="00C10E6C" w:rsidRDefault="00D218C0" w:rsidP="00C10E6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lastRenderedPageBreak/>
        <w:t xml:space="preserve">     </w:t>
      </w:r>
      <w:r w:rsidR="00A450D2">
        <w:rPr>
          <w:rFonts w:ascii="Times New Roman" w:hAnsi="Times New Roman" w:cs="Times New Roman"/>
          <w:noProof/>
          <w:color w:val="000000" w:themeColor="text1"/>
          <w:sz w:val="24"/>
          <w:szCs w:val="24"/>
          <w:lang w:val="en-US" w:eastAsia="en-US"/>
        </w:rPr>
        <w:drawing>
          <wp:inline distT="0" distB="0" distL="0" distR="0" wp14:anchorId="4F0A9E30" wp14:editId="65636463">
            <wp:extent cx="5400675" cy="2847975"/>
            <wp:effectExtent l="0" t="0" r="9525" b="9525"/>
            <wp:docPr id="2" name="Imagen 2" descr="C:\Users\Usuario\Desktop\LAURA IMPORTANTE\TRABAJO JOURNALS LAURA\jeffery caso clinico article\Nueva carpeta\fotos\fig 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Usuario\Desktop\LAURA IMPORTANTE\TRABAJO JOURNALS LAURA\jeffery caso clinico article\Nueva carpeta\fotos\fig 3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1" t="14589" r="-59" b="15059"/>
                    <a:stretch/>
                  </pic:blipFill>
                  <pic:spPr bwMode="auto">
                    <a:xfrm>
                      <a:off x="0" y="0"/>
                      <a:ext cx="5403216" cy="28493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A450D2" w:rsidRDefault="00D218C0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ig 3</w:t>
      </w:r>
      <w:r w:rsidR="00A450D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. </w:t>
      </w: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3</w:t>
      </w:r>
      <w:r w:rsidR="00A450D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B.</w:t>
      </w:r>
      <w:r w:rsidR="00A450D2" w:rsidRPr="00A450D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In the X ray of the 2</w:t>
      </w:r>
      <w:r w:rsidRPr="00D2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>nd</w:t>
      </w: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surgery, after</w:t>
      </w:r>
      <w:r w:rsidR="00A450D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 area was cleaned </w:t>
      </w:r>
      <w:r w:rsidR="00A450D2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of fibrous adhesions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nd </w:t>
      </w: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he</w:t>
      </w:r>
      <w:r w:rsidR="00A450D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head was </w:t>
      </w:r>
      <w:r w:rsidR="00A450D2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ixed with 1.5mm screws</w:t>
      </w:r>
    </w:p>
    <w:p w:rsidR="00534E5B" w:rsidRPr="00DD6738" w:rsidRDefault="00534E5B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</w:p>
    <w:p w:rsidR="004D01C8" w:rsidRPr="00954842" w:rsidRDefault="004D01C8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t 1 year follow up, </w:t>
      </w:r>
      <w:r w:rsidR="00D2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one of the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mini screws w</w:t>
      </w:r>
      <w:r w:rsidR="00D2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s </w:t>
      </w:r>
      <w:r w:rsidR="00534E5B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removed;</w:t>
      </w:r>
      <w:r w:rsidR="00D2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 other was completely integrated into the periosteum.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D2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In </w:t>
      </w:r>
      <w:r w:rsidR="00534E5B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 </w:t>
      </w:r>
      <w:r w:rsidR="00534E5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X</w:t>
      </w:r>
      <w:r w:rsidR="00D2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-Ray,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 correct consol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idation of the fracture was noted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</w:t>
      </w:r>
      <w:r w:rsidR="006C2E6D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(Fig.</w:t>
      </w:r>
      <w:r w:rsidR="00047FCA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4</w:t>
      </w:r>
      <w:r w:rsidR="00D2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</w:t>
      </w:r>
      <w:r w:rsidR="00244841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,</w:t>
      </w:r>
      <w:r w:rsidR="00047FCA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4</w:t>
      </w:r>
      <w:r w:rsidR="00534E5B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B</w:t>
      </w:r>
      <w:r w:rsidR="007D2AD2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)</w:t>
      </w:r>
      <w:r w:rsidR="00244841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</w:t>
      </w:r>
      <w:r w:rsidR="00244841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No fusion or posttraumatic proximal radioulnar synostosis was noted. </w:t>
      </w:r>
    </w:p>
    <w:p w:rsidR="004D01C8" w:rsidRDefault="004D01C8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 patient is currently 14 years old, 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does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his usual sports activity without pain, 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nd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complete </w:t>
      </w:r>
      <w:r w:rsidR="00C82FAB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ROM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.</w:t>
      </w:r>
      <w:r w:rsidR="00847E70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 carrying angle is 8º versus 10º o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n</w:t>
      </w:r>
      <w:r w:rsidR="00847E70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 contralateral side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. N</w:t>
      </w:r>
      <w:r w:rsidR="00847E70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ormal Baumann angle in the pediatric population 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ranges from</w:t>
      </w:r>
      <w:r w:rsidR="00847E70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9° and 26°</w:t>
      </w:r>
      <w:r w:rsidR="00047FC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(Fig 5)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.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He is a canoeist and competes without problems. </w:t>
      </w:r>
      <w:r w:rsidR="00E36FE8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Currently, the 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O</w:t>
      </w:r>
      <w:r w:rsidR="00E36FE8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xford elbow score is 44.</w:t>
      </w:r>
    </w:p>
    <w:p w:rsidR="00A450D2" w:rsidRDefault="00A450D2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</w:p>
    <w:p w:rsidR="00A450D2" w:rsidRDefault="00D218C0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  <w:lang w:val="en-US" w:eastAsia="en-US"/>
        </w:rPr>
        <w:lastRenderedPageBreak/>
        <w:drawing>
          <wp:inline distT="0" distB="0" distL="0" distR="0">
            <wp:extent cx="5400675" cy="2781300"/>
            <wp:effectExtent l="0" t="0" r="9525" b="0"/>
            <wp:docPr id="5" name="Imagen 5" descr="E:\LAURA IMPORTANTE\TRABAJO JOURNALS LAURA\jeffery caso clinico article\Nueva carpeta\fotos\foto dinal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E:\LAURA IMPORTANTE\TRABAJO JOURNALS LAURA\jeffery caso clinico article\Nueva carpeta\fotos\foto dinal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1" t="14824" r="-59" b="16470"/>
                    <a:stretch/>
                  </pic:blipFill>
                  <pic:spPr bwMode="auto">
                    <a:xfrm>
                      <a:off x="0" y="0"/>
                      <a:ext cx="5403217" cy="27826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A450D2" w:rsidRDefault="00A450D2" w:rsidP="00C10E6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ig</w:t>
      </w:r>
      <w:r w:rsidR="00047FC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4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, </w:t>
      </w:r>
      <w:r w:rsidR="00047FC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4</w:t>
      </w:r>
      <w:r w:rsidR="007E0B09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B: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047FC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In the 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P and Lateral views of </w:t>
      </w:r>
      <w:r w:rsidR="00D218C0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X ray,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 correct consolidation of the fracture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can be observed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.</w:t>
      </w: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</w:p>
    <w:p w:rsidR="000E30DF" w:rsidRDefault="000E30DF" w:rsidP="00C10E6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  <w:lang w:val="en-US" w:eastAsia="en-US"/>
        </w:rPr>
        <w:drawing>
          <wp:inline distT="0" distB="0" distL="0" distR="0">
            <wp:extent cx="4774018" cy="3580513"/>
            <wp:effectExtent l="0" t="0" r="7620" b="1270"/>
            <wp:docPr id="8" name="Imagen 8" descr="C:\Users\s015068\Desktop\fig 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5068\Desktop\fig 5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72870" cy="35796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450D2" w:rsidRDefault="00A450D2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i/>
          <w:color w:val="000000" w:themeColor="text1"/>
          <w:sz w:val="24"/>
          <w:szCs w:val="24"/>
          <w:lang w:val="en-US"/>
        </w:rPr>
      </w:pPr>
    </w:p>
    <w:p w:rsidR="00047FCA" w:rsidRPr="00847E70" w:rsidRDefault="00847E70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Fig </w:t>
      </w:r>
      <w:r w:rsidR="00047FC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5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Clinical photo. Similar carrying angle on both sides and complete </w:t>
      </w:r>
      <w:proofErr w:type="spellStart"/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lexo</w:t>
      </w:r>
      <w:proofErr w:type="spellEnd"/>
      <w:r w:rsidR="000E30DF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-</w:t>
      </w:r>
      <w:r w:rsidR="008D771A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extension can be seen.</w:t>
      </w:r>
    </w:p>
    <w:p w:rsidR="00B136DC" w:rsidRPr="00AC1EC5" w:rsidRDefault="001A47CC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i/>
          <w:color w:val="000000" w:themeColor="text1"/>
          <w:sz w:val="24"/>
          <w:szCs w:val="24"/>
          <w:lang w:val="en-US"/>
        </w:rPr>
      </w:pPr>
      <w:r w:rsidRPr="00AC1EC5">
        <w:rPr>
          <w:rFonts w:ascii="Times New Roman" w:hAnsi="Times New Roman" w:cs="Times New Roman"/>
          <w:i/>
          <w:color w:val="000000" w:themeColor="text1"/>
          <w:sz w:val="24"/>
          <w:szCs w:val="24"/>
          <w:lang w:val="en-US"/>
        </w:rPr>
        <w:t>Discussion</w:t>
      </w:r>
      <w:r w:rsidR="005B101A" w:rsidRPr="00AC1EC5">
        <w:rPr>
          <w:rFonts w:ascii="Times New Roman" w:hAnsi="Times New Roman" w:cs="Times New Roman"/>
          <w:i/>
          <w:color w:val="000000" w:themeColor="text1"/>
          <w:sz w:val="24"/>
          <w:szCs w:val="24"/>
          <w:lang w:val="en-US"/>
        </w:rPr>
        <w:t xml:space="preserve"> </w:t>
      </w:r>
    </w:p>
    <w:p w:rsidR="00F94E2A" w:rsidRPr="00DD6738" w:rsidRDefault="00F94E2A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</w:p>
    <w:p w:rsidR="00C82FAB" w:rsidRPr="00DD6738" w:rsidRDefault="00C82FAB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I</w:t>
      </w:r>
      <w:r w:rsidR="005F03F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nitial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ly, Jeffery described the mechanism of injury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2]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n</w:t>
      </w:r>
      <w:r w:rsidR="005F03F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1950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which he further detailed</w:t>
      </w:r>
      <w:r w:rsidR="008C01F6" w:rsidRPr="00DD6738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>3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n </w:t>
      </w:r>
      <w:r w:rsidR="00DD673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1972. </w:t>
      </w:r>
      <w:r w:rsidR="005F03F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He put forward that this inj</w:t>
      </w:r>
      <w:r w:rsidR="003A76A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ury occurs during the reduction</w:t>
      </w:r>
      <w:r w:rsidR="005F03F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phase of a </w:t>
      </w:r>
      <w:r w:rsidR="005F03F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lastRenderedPageBreak/>
        <w:t>posterior dislocation or subluxation of the elbow</w:t>
      </w:r>
      <w:r w:rsidR="003A76A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</w:t>
      </w:r>
      <w:r w:rsidR="00636BC4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wenty-</w:t>
      </w:r>
      <w:r w:rsidR="008C01F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eight more</w:t>
      </w:r>
      <w:r w:rsidR="00636BC4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cases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[5,11,12,13,14,15]</w:t>
      </w:r>
      <w:r w:rsidR="00636BC4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of Jeffery type 2 have been reported in children, if we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dd</w:t>
      </w:r>
      <w:r w:rsidR="00636BC4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our case.  The sex ratio is 1.4 males to one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female.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5]</w:t>
      </w:r>
      <w:r w:rsidR="001834F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0F6E01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</w:t>
      </w:r>
      <w:r w:rsidR="00DD673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he</w:t>
      </w:r>
      <w:r w:rsidR="00636BC4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youngest patie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nt in the review was 6 year old</w:t>
      </w:r>
      <w:r w:rsidR="00DD673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16]</w:t>
      </w:r>
      <w:r w:rsidR="00DD673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</w:t>
      </w:r>
      <w:r w:rsidR="00636BC4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But the diagnosis of Jeffery type 2 </w:t>
      </w:r>
      <w:r w:rsidR="002A722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lesions</w:t>
      </w:r>
      <w:r w:rsidR="00636BC4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before 5 years when the radial head is not yet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ossified is still a challenge, and it would require </w:t>
      </w:r>
      <w:r w:rsidR="002A722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further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ests if there is a fat pad sign without obvious fracture on plain radiographs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17]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</w:t>
      </w:r>
    </w:p>
    <w:p w:rsidR="003A76AF" w:rsidRPr="00DD6738" w:rsidRDefault="002A722B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It is important to differentiate a typical Jeffery type 2 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racture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from a radial neck fracture</w:t>
      </w:r>
      <w:r w:rsidR="00F22D1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with posterior displacement. In our opinion, to be able to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refer 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o a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Jeffery type 2 there should be a </w:t>
      </w:r>
      <w:proofErr w:type="spellStart"/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apitellum</w:t>
      </w:r>
      <w:proofErr w:type="spellEnd"/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nterposition between the head and the radial metaphysis.  This lesion should be differentiated from those where there is </w:t>
      </w:r>
      <w:r w:rsidR="003A76A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posterior displacement between 10º and 90º without bone interposition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proofErr w:type="spellStart"/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apitellum</w:t>
      </w:r>
      <w:proofErr w:type="spellEnd"/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nterposition</w:t>
      </w:r>
      <w:r w:rsidR="0031446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renders closed manipulation ineffective,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lthough </w:t>
      </w:r>
      <w:proofErr w:type="spellStart"/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hotel</w:t>
      </w:r>
      <w:proofErr w:type="spellEnd"/>
      <w:r w:rsidR="00C82FAB" w:rsidRPr="00DD6738">
        <w:rPr>
          <w:rFonts w:ascii="Times New Roman" w:hAnsi="Times New Roman" w:cs="Times New Roman"/>
          <w:i/>
          <w:color w:val="000000" w:themeColor="text1"/>
          <w:sz w:val="24"/>
          <w:szCs w:val="24"/>
          <w:lang w:val="en-US"/>
        </w:rPr>
        <w:t xml:space="preserve"> et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l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18]</w:t>
      </w:r>
      <w:r w:rsidR="001834F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have</w:t>
      </w:r>
      <w:r w:rsidR="0031446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describe</w:t>
      </w:r>
      <w:r w:rsidR="00C82FAB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d</w:t>
      </w:r>
      <w:r w:rsidR="0031446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 new maneuver to allow closed reduction of this Jeffery type 2 fracture.  However,</w:t>
      </w:r>
      <w:r w:rsidR="002A5C0A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e </w:t>
      </w:r>
      <w:r w:rsidR="001834F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series</w:t>
      </w:r>
      <w:r w:rsidR="004F5245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s</w:t>
      </w:r>
      <w:r w:rsidR="0031446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oo short and the potential risks of a repetition of this maneuver are high, and hardly reproducible, </w:t>
      </w:r>
      <w:r w:rsidR="003A76A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herefore if</w:t>
      </w:r>
      <w:r w:rsidR="0031446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a posterior </w:t>
      </w:r>
      <w:proofErr w:type="spellStart"/>
      <w:r w:rsidR="0031446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metaphysoepiphyseal</w:t>
      </w:r>
      <w:proofErr w:type="spellEnd"/>
      <w:r w:rsidR="0031446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periosteal is present </w:t>
      </w:r>
      <w:r w:rsidR="00F22D1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between the two radial </w:t>
      </w:r>
      <w:r w:rsidR="003A76A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ragments</w:t>
      </w:r>
      <w:r w:rsidR="00F22D1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, it would be necessary to </w:t>
      </w:r>
      <w:r w:rsidR="002A5C0A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ake out</w:t>
      </w:r>
      <w:r w:rsidR="00F22D1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</w:t>
      </w:r>
      <w:r w:rsidR="003A76A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h</w:t>
      </w:r>
      <w:r w:rsidR="00F22D1D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is interposition to allo</w:t>
      </w:r>
      <w:r w:rsidR="003A76A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w the reduction of the fracture.</w:t>
      </w:r>
    </w:p>
    <w:p w:rsidR="003A76AF" w:rsidRPr="00DD6738" w:rsidRDefault="0004789A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 main obstacle to the reduction of this fracture is </w:t>
      </w:r>
      <w:proofErr w:type="spellStart"/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apitellum</w:t>
      </w:r>
      <w:proofErr w:type="spellEnd"/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nterposition between the radi</w:t>
      </w:r>
      <w:r w:rsidR="002A5C0A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l epiphysis and the metaphysis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5]</w:t>
      </w:r>
      <w:r w:rsidR="002A5C0A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. T</w:t>
      </w:r>
      <w:r w:rsidR="0097581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his is due to a rotating movement of the head around a fixed point represented here by </w:t>
      </w:r>
      <w:r w:rsidR="001834F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he posterior periosteal hinge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[5, 18]</w:t>
      </w:r>
      <w:r w:rsidR="000F6E01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</w:t>
      </w:r>
      <w:r w:rsidR="003A76A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The</w:t>
      </w:r>
      <w:r w:rsidR="00B71CE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nterposition of </w:t>
      </w:r>
      <w:r w:rsidR="00124E1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 </w:t>
      </w:r>
      <w:proofErr w:type="spellStart"/>
      <w:r w:rsidR="00B71CE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apitellum</w:t>
      </w:r>
      <w:proofErr w:type="spellEnd"/>
      <w:r w:rsidR="00124E1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,</w:t>
      </w:r>
      <w:r w:rsidR="00B71CE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characteristic of Jeffery type II </w:t>
      </w:r>
      <w:r w:rsidR="003A76A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lesions</w:t>
      </w:r>
      <w:r w:rsidR="00B71CE9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makes closed handling ineffective. </w:t>
      </w:r>
    </w:p>
    <w:p w:rsidR="003A76AF" w:rsidRPr="00DD6738" w:rsidRDefault="00DC6A79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04789A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We still recommend open surgery, due to the potential risk of dama</w:t>
      </w:r>
      <w:r w:rsidR="00DD673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ge the articular radial head. </w:t>
      </w:r>
      <w:r w:rsidR="0004789A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Open reduction is a method of treatment often used in comminuted fractures or in fractures with a completely displaced head anteriorly or posteriorly on the radial metaphysis.</w:t>
      </w:r>
      <w:r w:rsidR="00B23891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</w:p>
    <w:p w:rsidR="003A76AF" w:rsidRPr="00DD6738" w:rsidRDefault="00124E16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More</w:t>
      </w:r>
      <w:r w:rsidR="00B23891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severe fractures warrant a more aggressive ap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proach. The literature suggest</w:t>
      </w:r>
      <w:r w:rsidR="00B23891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at when the head of the radius remains displaced &gt;30% and angulated &gt;45º after attempts of closed or percutaneous reduction, an open reduction is indicated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 [9,19,20]</w:t>
      </w:r>
      <w:r w:rsidR="00DD6738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</w:t>
      </w:r>
      <w:r w:rsidR="00B136DC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Open reduction was performed to provide an anatomic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lignment </w:t>
      </w:r>
      <w:r w:rsidR="00B136DC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with minimal trauma of soft tissue around the </w:t>
      </w:r>
      <w:r w:rsidR="000F6E01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racture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vertAlign w:val="superscript"/>
          <w:lang w:val="en-US"/>
        </w:rPr>
        <w:t xml:space="preserve"> </w:t>
      </w:r>
      <w:r w:rsidR="00A918C0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[19]</w:t>
      </w:r>
      <w:r w:rsidR="000F6E01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.</w:t>
      </w:r>
    </w:p>
    <w:p w:rsidR="003A76AF" w:rsidRPr="00DD6738" w:rsidRDefault="00F22D1D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It is important to always keep this fracture</w:t>
      </w:r>
      <w:r w:rsidR="00124E1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n mind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, </w:t>
      </w:r>
      <w:r w:rsidR="00124E1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in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posterior elbow dislocation</w:t>
      </w:r>
      <w:r w:rsidR="00124E1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s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n children</w:t>
      </w:r>
      <w:r w:rsidR="00124E1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. Before reduction of the dislocation, correct radiographs are required, </w:t>
      </w:r>
      <w:r w:rsidR="003A76A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looking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lastRenderedPageBreak/>
        <w:t xml:space="preserve">for </w:t>
      </w:r>
      <w:r w:rsidR="00124E1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a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radial neck fracture. </w:t>
      </w:r>
      <w:r w:rsidR="00124E1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However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9E6B5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in</w:t>
      </w:r>
      <w:r w:rsidR="00124E16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9E6B5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80% of Jeffery type 2 injuries no evident dislocation was reported. </w:t>
      </w:r>
    </w:p>
    <w:p w:rsidR="009E6B5F" w:rsidRPr="00DD6738" w:rsidRDefault="00124E16" w:rsidP="001A47CC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We emphasize</w:t>
      </w:r>
      <w:r w:rsidR="009E6B5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that even if the head is free of all vascular supply, a displaced proximal radial </w:t>
      </w:r>
      <w:r w:rsidR="003A76A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epiphysis</w:t>
      </w:r>
      <w:r w:rsidR="009E6B5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with </w:t>
      </w:r>
      <w:proofErr w:type="spellStart"/>
      <w:r w:rsidR="009E6B5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capitellum</w:t>
      </w:r>
      <w:proofErr w:type="spellEnd"/>
      <w:r w:rsidR="009E6B5F"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interposition should always be repositioned by open surgery and fixed with screws. </w:t>
      </w:r>
    </w:p>
    <w:p w:rsidR="005F03F9" w:rsidRPr="00DD6738" w:rsidRDefault="005F03F9" w:rsidP="001A47C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</w:rPr>
      </w:pPr>
    </w:p>
    <w:p w:rsidR="00AC5AD5" w:rsidRPr="00AC1EC5" w:rsidRDefault="001A47CC" w:rsidP="001A47C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i/>
          <w:color w:val="000000" w:themeColor="text1"/>
        </w:rPr>
      </w:pPr>
      <w:r w:rsidRPr="00AC1EC5">
        <w:rPr>
          <w:rFonts w:ascii="Times New Roman" w:hAnsi="Times New Roman" w:cs="Times New Roman"/>
          <w:i/>
          <w:color w:val="000000" w:themeColor="text1"/>
        </w:rPr>
        <w:t>Conclusion</w:t>
      </w:r>
    </w:p>
    <w:p w:rsidR="00B23891" w:rsidRPr="00DD6738" w:rsidRDefault="00B23891" w:rsidP="001A47C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</w:rPr>
      </w:pPr>
    </w:p>
    <w:p w:rsidR="00B23891" w:rsidRPr="00DD6738" w:rsidRDefault="00B23891" w:rsidP="001A47C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</w:rPr>
      </w:pPr>
      <w:r w:rsidRPr="00DD6738">
        <w:rPr>
          <w:rFonts w:ascii="Times New Roman" w:hAnsi="Times New Roman" w:cs="Times New Roman"/>
          <w:color w:val="000000" w:themeColor="text1"/>
        </w:rPr>
        <w:t xml:space="preserve">In our </w:t>
      </w:r>
      <w:r w:rsidR="00B136DC" w:rsidRPr="00DD6738">
        <w:rPr>
          <w:rFonts w:ascii="Times New Roman" w:hAnsi="Times New Roman" w:cs="Times New Roman"/>
          <w:color w:val="000000" w:themeColor="text1"/>
        </w:rPr>
        <w:t>opinion</w:t>
      </w:r>
      <w:r w:rsidR="00B71CE9" w:rsidRPr="00DD6738">
        <w:rPr>
          <w:rFonts w:ascii="Times New Roman" w:hAnsi="Times New Roman" w:cs="Times New Roman"/>
          <w:color w:val="000000" w:themeColor="text1"/>
        </w:rPr>
        <w:t>, the</w:t>
      </w:r>
      <w:r w:rsidRPr="00DD6738">
        <w:rPr>
          <w:rFonts w:ascii="Times New Roman" w:hAnsi="Times New Roman" w:cs="Times New Roman"/>
          <w:color w:val="000000" w:themeColor="text1"/>
        </w:rPr>
        <w:t xml:space="preserve"> Jeffery type II </w:t>
      </w:r>
      <w:r w:rsidR="00E25801" w:rsidRPr="00DD6738">
        <w:rPr>
          <w:rFonts w:ascii="Times New Roman" w:hAnsi="Times New Roman" w:cs="Times New Roman"/>
          <w:color w:val="000000" w:themeColor="text1"/>
        </w:rPr>
        <w:t>fracture</w:t>
      </w:r>
      <w:r w:rsidR="003A76AF" w:rsidRPr="00DD6738">
        <w:rPr>
          <w:rFonts w:ascii="Times New Roman" w:hAnsi="Times New Roman" w:cs="Times New Roman"/>
          <w:color w:val="000000" w:themeColor="text1"/>
        </w:rPr>
        <w:t xml:space="preserve"> should</w:t>
      </w:r>
      <w:r w:rsidRPr="00DD6738">
        <w:rPr>
          <w:rFonts w:ascii="Times New Roman" w:hAnsi="Times New Roman" w:cs="Times New Roman"/>
          <w:color w:val="000000" w:themeColor="text1"/>
        </w:rPr>
        <w:t xml:space="preserve"> be treated with open surgery. </w:t>
      </w:r>
    </w:p>
    <w:p w:rsidR="00B23891" w:rsidRPr="00DD6738" w:rsidRDefault="00B23891" w:rsidP="001A47C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</w:rPr>
      </w:pPr>
      <w:r w:rsidRPr="00DD6738">
        <w:rPr>
          <w:rFonts w:ascii="Times New Roman" w:hAnsi="Times New Roman" w:cs="Times New Roman"/>
          <w:color w:val="000000" w:themeColor="text1"/>
        </w:rPr>
        <w:t>Open reduction should be performed with minimal injury to osteochondral,</w:t>
      </w:r>
      <w:r w:rsidR="003A76AF" w:rsidRPr="00DD6738">
        <w:rPr>
          <w:rFonts w:ascii="Times New Roman" w:hAnsi="Times New Roman" w:cs="Times New Roman"/>
          <w:color w:val="000000" w:themeColor="text1"/>
        </w:rPr>
        <w:t xml:space="preserve"> </w:t>
      </w:r>
      <w:r w:rsidRPr="00DD6738">
        <w:rPr>
          <w:rFonts w:ascii="Times New Roman" w:hAnsi="Times New Roman" w:cs="Times New Roman"/>
          <w:color w:val="000000" w:themeColor="text1"/>
        </w:rPr>
        <w:t>ligamentous and muscular structures to reduce complication</w:t>
      </w:r>
      <w:r w:rsidR="003A76AF" w:rsidRPr="00DD6738">
        <w:rPr>
          <w:rFonts w:ascii="Times New Roman" w:hAnsi="Times New Roman" w:cs="Times New Roman"/>
          <w:color w:val="000000" w:themeColor="text1"/>
        </w:rPr>
        <w:t xml:space="preserve">s associated with this injury. </w:t>
      </w:r>
    </w:p>
    <w:p w:rsidR="005F03F9" w:rsidRPr="00DD6738" w:rsidRDefault="00B23891" w:rsidP="001A47C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</w:rPr>
      </w:pPr>
      <w:r w:rsidRPr="00DD6738">
        <w:rPr>
          <w:rFonts w:ascii="Times New Roman" w:hAnsi="Times New Roman" w:cs="Times New Roman"/>
          <w:color w:val="000000" w:themeColor="text1"/>
        </w:rPr>
        <w:t>We believe that the best technique</w:t>
      </w:r>
      <w:r w:rsidR="00124E16" w:rsidRPr="00DD6738">
        <w:rPr>
          <w:rFonts w:ascii="Times New Roman" w:hAnsi="Times New Roman" w:cs="Times New Roman"/>
          <w:color w:val="000000" w:themeColor="text1"/>
        </w:rPr>
        <w:t>,</w:t>
      </w:r>
      <w:r w:rsidRPr="00DD6738">
        <w:rPr>
          <w:rFonts w:ascii="Times New Roman" w:hAnsi="Times New Roman" w:cs="Times New Roman"/>
          <w:color w:val="000000" w:themeColor="text1"/>
        </w:rPr>
        <w:t xml:space="preserve"> once you decide to perform an open approach is to fix the fracture with mini-screws. </w:t>
      </w:r>
      <w:r w:rsidR="00B71CE9" w:rsidRPr="00DD6738">
        <w:rPr>
          <w:rFonts w:ascii="Times New Roman" w:hAnsi="Times New Roman" w:cs="Times New Roman"/>
          <w:color w:val="000000" w:themeColor="text1"/>
        </w:rPr>
        <w:t xml:space="preserve"> Due to some important phenomenon</w:t>
      </w:r>
      <w:r w:rsidR="00D5391D" w:rsidRPr="00DD6738">
        <w:rPr>
          <w:rFonts w:ascii="Times New Roman" w:hAnsi="Times New Roman" w:cs="Times New Roman"/>
          <w:color w:val="000000" w:themeColor="text1"/>
        </w:rPr>
        <w:t xml:space="preserve">, the main </w:t>
      </w:r>
      <w:r w:rsidR="00124E16" w:rsidRPr="00DD6738">
        <w:rPr>
          <w:rFonts w:ascii="Times New Roman" w:hAnsi="Times New Roman" w:cs="Times New Roman"/>
          <w:color w:val="000000" w:themeColor="text1"/>
        </w:rPr>
        <w:t xml:space="preserve">objective </w:t>
      </w:r>
      <w:r w:rsidR="000F6E01" w:rsidRPr="00DD6738">
        <w:rPr>
          <w:rFonts w:ascii="Times New Roman" w:hAnsi="Times New Roman" w:cs="Times New Roman"/>
          <w:color w:val="000000" w:themeColor="text1"/>
        </w:rPr>
        <w:t>is,</w:t>
      </w:r>
      <w:r w:rsidR="00D5391D" w:rsidRPr="00DD6738">
        <w:rPr>
          <w:rFonts w:ascii="Times New Roman" w:hAnsi="Times New Roman" w:cs="Times New Roman"/>
          <w:color w:val="000000" w:themeColor="text1"/>
        </w:rPr>
        <w:t xml:space="preserve"> </w:t>
      </w:r>
      <w:r w:rsidR="00124E16" w:rsidRPr="00DD6738">
        <w:rPr>
          <w:rFonts w:ascii="Times New Roman" w:hAnsi="Times New Roman" w:cs="Times New Roman"/>
          <w:color w:val="000000" w:themeColor="text1"/>
        </w:rPr>
        <w:t>once</w:t>
      </w:r>
      <w:r w:rsidR="00D5391D" w:rsidRPr="00DD6738">
        <w:rPr>
          <w:rFonts w:ascii="Times New Roman" w:hAnsi="Times New Roman" w:cs="Times New Roman"/>
          <w:color w:val="000000" w:themeColor="text1"/>
        </w:rPr>
        <w:t xml:space="preserve"> we have exposed the </w:t>
      </w:r>
      <w:r w:rsidR="00124E16" w:rsidRPr="00DD6738">
        <w:rPr>
          <w:rFonts w:ascii="Times New Roman" w:hAnsi="Times New Roman" w:cs="Times New Roman"/>
          <w:color w:val="000000" w:themeColor="text1"/>
        </w:rPr>
        <w:t xml:space="preserve">area, </w:t>
      </w:r>
      <w:r w:rsidR="00D5391D" w:rsidRPr="00DD6738">
        <w:rPr>
          <w:rFonts w:ascii="Times New Roman" w:hAnsi="Times New Roman" w:cs="Times New Roman"/>
          <w:color w:val="000000" w:themeColor="text1"/>
        </w:rPr>
        <w:t xml:space="preserve">is to </w:t>
      </w:r>
      <w:r w:rsidR="005F03F9" w:rsidRPr="00DD6738">
        <w:rPr>
          <w:rFonts w:ascii="Times New Roman" w:hAnsi="Times New Roman" w:cs="Times New Roman"/>
          <w:color w:val="000000" w:themeColor="text1"/>
        </w:rPr>
        <w:t>achieve a</w:t>
      </w:r>
      <w:r w:rsidR="00124E16" w:rsidRPr="00DD6738">
        <w:rPr>
          <w:rFonts w:ascii="Times New Roman" w:hAnsi="Times New Roman" w:cs="Times New Roman"/>
          <w:color w:val="000000" w:themeColor="text1"/>
        </w:rPr>
        <w:t xml:space="preserve"> stable fixation. The second </w:t>
      </w:r>
      <w:r w:rsidR="000F6E01" w:rsidRPr="00DD6738">
        <w:rPr>
          <w:rFonts w:ascii="Times New Roman" w:hAnsi="Times New Roman" w:cs="Times New Roman"/>
          <w:color w:val="000000" w:themeColor="text1"/>
        </w:rPr>
        <w:t>objective</w:t>
      </w:r>
      <w:r w:rsidR="005F03F9" w:rsidRPr="00DD6738">
        <w:rPr>
          <w:rFonts w:ascii="Times New Roman" w:hAnsi="Times New Roman" w:cs="Times New Roman"/>
          <w:color w:val="000000" w:themeColor="text1"/>
        </w:rPr>
        <w:t xml:space="preserve"> is that the </w:t>
      </w:r>
      <w:proofErr w:type="spellStart"/>
      <w:r w:rsidR="005F03F9" w:rsidRPr="00DD6738">
        <w:rPr>
          <w:rFonts w:ascii="Times New Roman" w:hAnsi="Times New Roman" w:cs="Times New Roman"/>
          <w:color w:val="000000" w:themeColor="text1"/>
        </w:rPr>
        <w:t>Métaizeau</w:t>
      </w:r>
      <w:proofErr w:type="spellEnd"/>
      <w:r w:rsidR="005F03F9" w:rsidRPr="00DD6738">
        <w:rPr>
          <w:rFonts w:ascii="Times New Roman" w:hAnsi="Times New Roman" w:cs="Times New Roman"/>
          <w:color w:val="000000" w:themeColor="text1"/>
        </w:rPr>
        <w:t xml:space="preserve"> technique,</w:t>
      </w:r>
      <w:r w:rsidR="00124E16" w:rsidRPr="00DD6738">
        <w:rPr>
          <w:rFonts w:ascii="Times New Roman" w:hAnsi="Times New Roman" w:cs="Times New Roman"/>
          <w:color w:val="000000" w:themeColor="text1"/>
        </w:rPr>
        <w:t xml:space="preserve"> </w:t>
      </w:r>
      <w:r w:rsidR="00D5391D" w:rsidRPr="00DD6738">
        <w:rPr>
          <w:rFonts w:ascii="Times New Roman" w:hAnsi="Times New Roman" w:cs="Times New Roman"/>
          <w:color w:val="000000" w:themeColor="text1"/>
        </w:rPr>
        <w:t xml:space="preserve">in spite of being widely extended, </w:t>
      </w:r>
      <w:r w:rsidR="005B101A" w:rsidRPr="00DD6738">
        <w:rPr>
          <w:rFonts w:ascii="Times New Roman" w:hAnsi="Times New Roman" w:cs="Times New Roman"/>
          <w:color w:val="000000" w:themeColor="text1"/>
        </w:rPr>
        <w:t xml:space="preserve">produces distraction of the fracture </w:t>
      </w:r>
      <w:r w:rsidR="00D5391D" w:rsidRPr="00DD6738">
        <w:rPr>
          <w:rFonts w:ascii="Times New Roman" w:hAnsi="Times New Roman" w:cs="Times New Roman"/>
          <w:color w:val="000000" w:themeColor="text1"/>
        </w:rPr>
        <w:t>and therefore the lack of consolidation.</w:t>
      </w:r>
      <w:r w:rsidR="005F03F9" w:rsidRPr="00DD6738">
        <w:rPr>
          <w:rFonts w:ascii="Times New Roman" w:hAnsi="Times New Roman" w:cs="Times New Roman"/>
          <w:color w:val="000000" w:themeColor="text1"/>
        </w:rPr>
        <w:t xml:space="preserve"> It can even damage the articular cartilage when the fractur</w:t>
      </w:r>
      <w:r w:rsidR="005B101A" w:rsidRPr="00DD6738">
        <w:rPr>
          <w:rFonts w:ascii="Times New Roman" w:hAnsi="Times New Roman" w:cs="Times New Roman"/>
          <w:color w:val="000000" w:themeColor="text1"/>
        </w:rPr>
        <w:t>e collapses. We believe that</w:t>
      </w:r>
      <w:r w:rsidR="005F03F9" w:rsidRPr="00DD6738">
        <w:rPr>
          <w:rFonts w:ascii="Times New Roman" w:hAnsi="Times New Roman" w:cs="Times New Roman"/>
          <w:color w:val="000000" w:themeColor="text1"/>
        </w:rPr>
        <w:t xml:space="preserve"> osteosynthesis with screws is the most </w:t>
      </w:r>
      <w:r w:rsidR="003A76AF" w:rsidRPr="00DD6738">
        <w:rPr>
          <w:rFonts w:ascii="Times New Roman" w:hAnsi="Times New Roman" w:cs="Times New Roman"/>
          <w:color w:val="000000" w:themeColor="text1"/>
        </w:rPr>
        <w:t>precise</w:t>
      </w:r>
      <w:r w:rsidR="005B101A" w:rsidRPr="00DD6738">
        <w:rPr>
          <w:rFonts w:ascii="Times New Roman" w:hAnsi="Times New Roman" w:cs="Times New Roman"/>
          <w:color w:val="000000" w:themeColor="text1"/>
        </w:rPr>
        <w:t xml:space="preserve"> technique e</w:t>
      </w:r>
      <w:r w:rsidR="005F03F9" w:rsidRPr="00DD6738">
        <w:rPr>
          <w:rFonts w:ascii="Times New Roman" w:hAnsi="Times New Roman" w:cs="Times New Roman"/>
          <w:color w:val="000000" w:themeColor="text1"/>
        </w:rPr>
        <w:t xml:space="preserve">specially when there is a 90º posterior tilt of the radial head. </w:t>
      </w:r>
      <w:r w:rsidR="005B101A" w:rsidRPr="00DD6738">
        <w:rPr>
          <w:rFonts w:ascii="Times New Roman" w:hAnsi="Times New Roman" w:cs="Times New Roman"/>
          <w:color w:val="000000" w:themeColor="text1"/>
        </w:rPr>
        <w:t xml:space="preserve">The ideal area fore screw placement is, with the forearm </w:t>
      </w:r>
      <w:r w:rsidR="000F6E01" w:rsidRPr="00DD6738">
        <w:rPr>
          <w:rFonts w:ascii="Times New Roman" w:hAnsi="Times New Roman" w:cs="Times New Roman"/>
          <w:color w:val="000000" w:themeColor="text1"/>
        </w:rPr>
        <w:t>supinate,</w:t>
      </w:r>
      <w:r w:rsidR="005F03F9" w:rsidRPr="00DD6738">
        <w:rPr>
          <w:rFonts w:ascii="Times New Roman" w:hAnsi="Times New Roman" w:cs="Times New Roman"/>
          <w:color w:val="000000" w:themeColor="text1"/>
        </w:rPr>
        <w:t xml:space="preserve"> on the outer edge, so that they</w:t>
      </w:r>
      <w:r w:rsidR="005B101A" w:rsidRPr="00DD6738">
        <w:rPr>
          <w:rFonts w:ascii="Times New Roman" w:hAnsi="Times New Roman" w:cs="Times New Roman"/>
          <w:color w:val="000000" w:themeColor="text1"/>
        </w:rPr>
        <w:t xml:space="preserve"> do not block </w:t>
      </w:r>
      <w:proofErr w:type="spellStart"/>
      <w:r w:rsidR="005B101A" w:rsidRPr="00DD6738">
        <w:rPr>
          <w:rFonts w:ascii="Times New Roman" w:hAnsi="Times New Roman" w:cs="Times New Roman"/>
          <w:color w:val="000000" w:themeColor="text1"/>
        </w:rPr>
        <w:t>pronosupination</w:t>
      </w:r>
      <w:proofErr w:type="spellEnd"/>
      <w:r w:rsidR="005B101A" w:rsidRPr="00DD6738">
        <w:rPr>
          <w:rFonts w:ascii="Times New Roman" w:hAnsi="Times New Roman" w:cs="Times New Roman"/>
          <w:color w:val="000000" w:themeColor="text1"/>
        </w:rPr>
        <w:t xml:space="preserve">, </w:t>
      </w:r>
      <w:r w:rsidR="005F03F9" w:rsidRPr="00DD6738">
        <w:rPr>
          <w:rFonts w:ascii="Times New Roman" w:hAnsi="Times New Roman" w:cs="Times New Roman"/>
          <w:color w:val="000000" w:themeColor="text1"/>
        </w:rPr>
        <w:t>and</w:t>
      </w:r>
      <w:r w:rsidR="005B101A" w:rsidRPr="00DD6738">
        <w:rPr>
          <w:rFonts w:ascii="Times New Roman" w:hAnsi="Times New Roman" w:cs="Times New Roman"/>
          <w:color w:val="000000" w:themeColor="text1"/>
        </w:rPr>
        <w:t xml:space="preserve"> is</w:t>
      </w:r>
      <w:r w:rsidR="005F03F9" w:rsidRPr="00DD6738">
        <w:rPr>
          <w:rFonts w:ascii="Times New Roman" w:hAnsi="Times New Roman" w:cs="Times New Roman"/>
          <w:color w:val="000000" w:themeColor="text1"/>
        </w:rPr>
        <w:t xml:space="preserve"> away from the cartilage surface </w:t>
      </w:r>
    </w:p>
    <w:p w:rsidR="00B71CE9" w:rsidRPr="00DD6738" w:rsidRDefault="005B101A" w:rsidP="001A47C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</w:rPr>
      </w:pPr>
      <w:r w:rsidRPr="00DD6738">
        <w:rPr>
          <w:rFonts w:ascii="Times New Roman" w:hAnsi="Times New Roman" w:cs="Times New Roman"/>
          <w:color w:val="000000" w:themeColor="text1"/>
        </w:rPr>
        <w:t>The</w:t>
      </w:r>
      <w:r w:rsidR="00B71CE9" w:rsidRPr="00DD6738">
        <w:rPr>
          <w:rFonts w:ascii="Times New Roman" w:hAnsi="Times New Roman" w:cs="Times New Roman"/>
          <w:color w:val="000000" w:themeColor="text1"/>
        </w:rPr>
        <w:t xml:space="preserve"> only cases in which we would considerer the </w:t>
      </w:r>
      <w:proofErr w:type="spellStart"/>
      <w:r w:rsidR="00B71CE9" w:rsidRPr="00DD6738">
        <w:rPr>
          <w:rFonts w:ascii="Times New Roman" w:hAnsi="Times New Roman" w:cs="Times New Roman"/>
          <w:color w:val="000000" w:themeColor="text1"/>
        </w:rPr>
        <w:t>Métaizeau</w:t>
      </w:r>
      <w:proofErr w:type="spellEnd"/>
      <w:r w:rsidR="00B71CE9" w:rsidRPr="00DD6738">
        <w:rPr>
          <w:rFonts w:ascii="Times New Roman" w:hAnsi="Times New Roman" w:cs="Times New Roman"/>
          <w:color w:val="000000" w:themeColor="text1"/>
        </w:rPr>
        <w:t xml:space="preserve"> technique after an open reduction, are those in which a broad periosteal pedicle was seen in young patients. </w:t>
      </w:r>
    </w:p>
    <w:p w:rsidR="00B71CE9" w:rsidRPr="009626E9" w:rsidRDefault="00B71CE9" w:rsidP="001A47CC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276" w:lineRule="auto"/>
        <w:jc w:val="both"/>
        <w:rPr>
          <w:rFonts w:ascii="Times New Roman" w:hAnsi="Times New Roman" w:cs="Times New Roman"/>
          <w:color w:val="212121"/>
        </w:rPr>
      </w:pPr>
    </w:p>
    <w:p w:rsidR="00B71CE9" w:rsidRPr="00AC1EC5" w:rsidRDefault="007A3615" w:rsidP="007E2E75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i/>
          <w:color w:val="000000" w:themeColor="text1"/>
        </w:rPr>
      </w:pPr>
      <w:r w:rsidRPr="00AC1EC5">
        <w:rPr>
          <w:rFonts w:ascii="Times New Roman" w:hAnsi="Times New Roman" w:cs="Times New Roman"/>
          <w:i/>
          <w:color w:val="000000" w:themeColor="text1"/>
        </w:rPr>
        <w:t>Reference</w:t>
      </w:r>
    </w:p>
    <w:p w:rsidR="00F94E2A" w:rsidRPr="000F6E01" w:rsidRDefault="00F94E2A" w:rsidP="007E2E75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</w:rPr>
      </w:pPr>
    </w:p>
    <w:p w:rsidR="007A3615" w:rsidRPr="000F6E01" w:rsidRDefault="007A3615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r w:rsidRPr="000F6E01">
        <w:rPr>
          <w:rFonts w:ascii="Times New Roman" w:hAnsi="Times New Roman" w:cs="Times New Roman"/>
          <w:color w:val="000000" w:themeColor="text1"/>
        </w:rPr>
        <w:t xml:space="preserve">Chambers HG, Wilkins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Ke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. Fractures of the proximal radius and ulna. In: Rockwood CA, Wilkins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Ke,King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RE(editors) Fractures in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children.volum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34</w:t>
      </w:r>
      <w:r w:rsidRPr="000F6E01">
        <w:rPr>
          <w:rFonts w:ascii="Times New Roman" w:hAnsi="Times New Roman" w:cs="Times New Roman"/>
          <w:color w:val="000000" w:themeColor="text1"/>
          <w:vertAlign w:val="superscript"/>
        </w:rPr>
        <w:t>th</w:t>
      </w:r>
      <w:r w:rsidRPr="000F6E01">
        <w:rPr>
          <w:rFonts w:ascii="Times New Roman" w:hAnsi="Times New Roman" w:cs="Times New Roman"/>
          <w:color w:val="000000" w:themeColor="text1"/>
        </w:rPr>
        <w:t xml:space="preserve"> ed. Philadelphia: Lippincott- Raven;1996,pp.586-613</w:t>
      </w:r>
    </w:p>
    <w:p w:rsidR="007A3615" w:rsidRPr="00164ABE" w:rsidRDefault="007A3615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  <w:lang w:val="fr-FR"/>
        </w:rPr>
      </w:pPr>
      <w:r w:rsidRPr="000F6E01">
        <w:rPr>
          <w:rFonts w:ascii="Times New Roman" w:hAnsi="Times New Roman" w:cs="Times New Roman"/>
          <w:color w:val="000000" w:themeColor="text1"/>
        </w:rPr>
        <w:t xml:space="preserve">Salter RB, Harris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WR.Injuries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involving the epiphyseal plate. </w:t>
      </w:r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J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Bone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 Joint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Surg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>. 1963;45-A:587-622</w:t>
      </w:r>
    </w:p>
    <w:p w:rsidR="007A3615" w:rsidRPr="00164ABE" w:rsidRDefault="007A3615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  <w:lang w:val="fr-FR"/>
        </w:rPr>
      </w:pPr>
      <w:r w:rsidRPr="000F6E01">
        <w:rPr>
          <w:rFonts w:ascii="Times New Roman" w:hAnsi="Times New Roman" w:cs="Times New Roman"/>
          <w:color w:val="000000" w:themeColor="text1"/>
        </w:rPr>
        <w:t xml:space="preserve">Jeffery CC. Fractures of the head of the radius in children. </w:t>
      </w:r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J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bone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 Joint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Surg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 Br.1950;32B:314-324</w:t>
      </w:r>
    </w:p>
    <w:p w:rsidR="007A3615" w:rsidRPr="00164ABE" w:rsidRDefault="007A3615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  <w:lang w:val="fr-FR"/>
        </w:rPr>
      </w:pPr>
      <w:r w:rsidRPr="000F6E01">
        <w:rPr>
          <w:rFonts w:ascii="Times New Roman" w:hAnsi="Times New Roman" w:cs="Times New Roman"/>
          <w:color w:val="000000" w:themeColor="text1"/>
        </w:rPr>
        <w:lastRenderedPageBreak/>
        <w:t xml:space="preserve">Jeffery CC. Fractures of the neck of the radius in children. </w:t>
      </w:r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J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Bone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 Joint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Surg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Br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 1972;54B:717-710</w:t>
      </w:r>
    </w:p>
    <w:p w:rsidR="005A785F" w:rsidRPr="000F6E01" w:rsidRDefault="005A785F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proofErr w:type="spellStart"/>
      <w:r w:rsidRPr="000F6E01">
        <w:rPr>
          <w:rFonts w:ascii="Times New Roman" w:hAnsi="Times New Roman" w:cs="Times New Roman"/>
          <w:color w:val="000000" w:themeColor="text1"/>
        </w:rPr>
        <w:t>Chotel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F,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Vallese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P,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Parot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R et al. Complete dislocation of the radial head following fracture of the radial neck in children: the Jeffery type II lesion. J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Pediatr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Orthop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B 2</w:t>
      </w:r>
      <w:r w:rsidR="0016348A" w:rsidRPr="000F6E01">
        <w:rPr>
          <w:rFonts w:ascii="Times New Roman" w:hAnsi="Times New Roman" w:cs="Times New Roman"/>
          <w:color w:val="000000" w:themeColor="text1"/>
        </w:rPr>
        <w:t xml:space="preserve">004; </w:t>
      </w:r>
      <w:r w:rsidRPr="000F6E01">
        <w:rPr>
          <w:rFonts w:ascii="Times New Roman" w:hAnsi="Times New Roman" w:cs="Times New Roman"/>
          <w:color w:val="000000" w:themeColor="text1"/>
        </w:rPr>
        <w:t>13:268-274</w:t>
      </w:r>
    </w:p>
    <w:p w:rsidR="005A785F" w:rsidRPr="000F6E01" w:rsidRDefault="0016348A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proofErr w:type="spellStart"/>
      <w:r w:rsidRPr="000F6E01">
        <w:rPr>
          <w:rFonts w:ascii="Times New Roman" w:hAnsi="Times New Roman" w:cs="Times New Roman"/>
          <w:color w:val="000000" w:themeColor="text1"/>
          <w:lang w:val="es-ES"/>
        </w:rPr>
        <w:t>Falciglia</w:t>
      </w:r>
      <w:proofErr w:type="spellEnd"/>
      <w:r w:rsidRPr="000F6E01">
        <w:rPr>
          <w:rFonts w:ascii="Times New Roman" w:hAnsi="Times New Roman" w:cs="Times New Roman"/>
          <w:color w:val="000000" w:themeColor="text1"/>
          <w:lang w:val="es-ES"/>
        </w:rPr>
        <w:t xml:space="preserve"> F, Giordano M, </w:t>
      </w:r>
      <w:proofErr w:type="spellStart"/>
      <w:r w:rsidRPr="000F6E01">
        <w:rPr>
          <w:rFonts w:ascii="Times New Roman" w:hAnsi="Times New Roman" w:cs="Times New Roman"/>
          <w:color w:val="000000" w:themeColor="text1"/>
          <w:lang w:val="es-ES"/>
        </w:rPr>
        <w:t>Aulisa</w:t>
      </w:r>
      <w:proofErr w:type="spellEnd"/>
      <w:r w:rsidRPr="000F6E01">
        <w:rPr>
          <w:rFonts w:ascii="Times New Roman" w:hAnsi="Times New Roman" w:cs="Times New Roman"/>
          <w:color w:val="000000" w:themeColor="text1"/>
          <w:lang w:val="es-ES"/>
        </w:rPr>
        <w:t xml:space="preserve"> AG et al. </w:t>
      </w:r>
      <w:r w:rsidRPr="000F6E01">
        <w:rPr>
          <w:rFonts w:ascii="Times New Roman" w:hAnsi="Times New Roman" w:cs="Times New Roman"/>
          <w:color w:val="000000" w:themeColor="text1"/>
        </w:rPr>
        <w:t xml:space="preserve">Radial neck fractures in children: Results when open reduction is indicated. J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Pediatr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Orthop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>; 34:756-762</w:t>
      </w:r>
    </w:p>
    <w:p w:rsidR="0016348A" w:rsidRPr="000F6E01" w:rsidRDefault="0016348A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proofErr w:type="spellStart"/>
      <w:r w:rsidRPr="000F6E01">
        <w:rPr>
          <w:rFonts w:ascii="Times New Roman" w:hAnsi="Times New Roman" w:cs="Times New Roman"/>
          <w:color w:val="000000" w:themeColor="text1"/>
        </w:rPr>
        <w:t>Pring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ME. Pediatric radial neck fractures: when and how to </w:t>
      </w:r>
      <w:proofErr w:type="gramStart"/>
      <w:r w:rsidRPr="000F6E01">
        <w:rPr>
          <w:rFonts w:ascii="Times New Roman" w:hAnsi="Times New Roman" w:cs="Times New Roman"/>
          <w:color w:val="000000" w:themeColor="text1"/>
        </w:rPr>
        <w:t>fix .</w:t>
      </w:r>
      <w:proofErr w:type="gramEnd"/>
      <w:r w:rsidRPr="000F6E01">
        <w:rPr>
          <w:rFonts w:ascii="Times New Roman" w:hAnsi="Times New Roman" w:cs="Times New Roman"/>
          <w:color w:val="000000" w:themeColor="text1"/>
        </w:rPr>
        <w:t xml:space="preserve"> J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Pediatr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Orthop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>. 2012;32:S14-S21</w:t>
      </w:r>
    </w:p>
    <w:p w:rsidR="00F270AB" w:rsidRPr="000F6E01" w:rsidRDefault="00F270AB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Ursei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 M, Sales de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Gauzy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 J, Knorr J, et al. </w:t>
      </w:r>
      <w:r w:rsidRPr="000F6E01">
        <w:rPr>
          <w:rFonts w:ascii="Times New Roman" w:hAnsi="Times New Roman" w:cs="Times New Roman"/>
          <w:color w:val="000000" w:themeColor="text1"/>
        </w:rPr>
        <w:t xml:space="preserve">Surgical treatment of radial neck fractures in children by intramedullary pinning.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Acta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Orthop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Belg. 2006;72:131-137</w:t>
      </w:r>
    </w:p>
    <w:p w:rsidR="00F270AB" w:rsidRPr="000F6E01" w:rsidRDefault="00F270AB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r w:rsidRPr="000F6E01">
        <w:rPr>
          <w:rFonts w:ascii="Times New Roman" w:hAnsi="Times New Roman" w:cs="Times New Roman"/>
          <w:color w:val="000000" w:themeColor="text1"/>
        </w:rPr>
        <w:t>Newman JH. Displaced radial neck fractures in children. Injury, 1977;9:114-121</w:t>
      </w:r>
    </w:p>
    <w:p w:rsidR="00DD6738" w:rsidRPr="000F6E01" w:rsidRDefault="00DD6738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r w:rsidRPr="000F6E01">
        <w:rPr>
          <w:rFonts w:ascii="Times New Roman" w:hAnsi="Times New Roman" w:cs="Times New Roman"/>
          <w:color w:val="000000" w:themeColor="text1"/>
        </w:rPr>
        <w:t xml:space="preserve">Dawson, J., Doll, H.,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Boller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, I., Fitzpatrick, R. The development and validation of a patient-reported questionnaire to assess outcomes of elbow surgery. J Bone Joint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Surg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Br. 2008 Apr; 90-B: 466 - 4</w:t>
      </w:r>
    </w:p>
    <w:p w:rsidR="00074691" w:rsidRPr="000F6E01" w:rsidRDefault="00074691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proofErr w:type="spellStart"/>
      <w:r w:rsidRPr="000F6E01">
        <w:rPr>
          <w:rFonts w:ascii="Times New Roman" w:hAnsi="Times New Roman" w:cs="Times New Roman"/>
          <w:color w:val="000000" w:themeColor="text1"/>
        </w:rPr>
        <w:t>Kerbeck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T,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Gillani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S, Ali AM. Reversed reduction of neck fractures: a predictable complication of closed manipulation. Injury extra 2006,37,116-119.</w:t>
      </w:r>
    </w:p>
    <w:p w:rsidR="00074691" w:rsidRPr="000F6E01" w:rsidRDefault="00074691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proofErr w:type="spellStart"/>
      <w:r w:rsidRPr="000F6E01">
        <w:rPr>
          <w:rFonts w:ascii="Times New Roman" w:hAnsi="Times New Roman" w:cs="Times New Roman"/>
          <w:color w:val="000000" w:themeColor="text1"/>
        </w:rPr>
        <w:t>Navali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AM,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Sadigi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A. Displaced fracture of the neck of the radius with complete 180º rotation of the radial head during closed reduction. Journal of Hand Surgery. 2006; 31B:6:689-691</w:t>
      </w:r>
    </w:p>
    <w:p w:rsidR="00074691" w:rsidRPr="000F6E01" w:rsidRDefault="00074691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r w:rsidRPr="00164ABE">
        <w:rPr>
          <w:rFonts w:ascii="Times New Roman" w:hAnsi="Times New Roman" w:cs="Times New Roman"/>
          <w:color w:val="000000" w:themeColor="text1"/>
          <w:lang w:val="es-ES"/>
        </w:rPr>
        <w:t xml:space="preserve">Sao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es-ES"/>
        </w:rPr>
        <w:t>Simao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es-ES"/>
        </w:rPr>
        <w:t xml:space="preserve"> R,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es-ES"/>
        </w:rPr>
        <w:t>Monteiro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es-ES"/>
        </w:rPr>
        <w:t xml:space="preserve"> M,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es-ES"/>
        </w:rPr>
        <w:t>Dopico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es-ES"/>
        </w:rPr>
        <w:t xml:space="preserve"> C et al. </w:t>
      </w:r>
      <w:r w:rsidRPr="000F6E01">
        <w:rPr>
          <w:rFonts w:ascii="Times New Roman" w:hAnsi="Times New Roman" w:cs="Times New Roman"/>
          <w:color w:val="000000" w:themeColor="text1"/>
        </w:rPr>
        <w:t xml:space="preserve">Upside-Down Radial Head: a rare complication after an unrecognized Jeffery type 2 lesion. J 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Orthop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trauma 2010;24:e17-e20</w:t>
      </w:r>
    </w:p>
    <w:p w:rsidR="00074691" w:rsidRPr="000F6E01" w:rsidRDefault="00074691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r w:rsidRPr="000F6E01">
        <w:rPr>
          <w:rFonts w:ascii="Times New Roman" w:hAnsi="Times New Roman" w:cs="Times New Roman"/>
          <w:color w:val="000000" w:themeColor="text1"/>
        </w:rPr>
        <w:t>Ward WT. Radial neck fracture complicating closed reduction of a posterior elbow dislocation in a child: case report. J Trauma, 1991; 31:1686-1688</w:t>
      </w:r>
    </w:p>
    <w:p w:rsidR="00074691" w:rsidRPr="000F6E01" w:rsidRDefault="00074691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r w:rsidRPr="000F6E01">
        <w:rPr>
          <w:rFonts w:ascii="Times New Roman" w:hAnsi="Times New Roman" w:cs="Times New Roman"/>
          <w:color w:val="000000" w:themeColor="text1"/>
        </w:rPr>
        <w:t>Tay D</w:t>
      </w:r>
      <w:proofErr w:type="gramStart"/>
      <w:r w:rsidRPr="000F6E01">
        <w:rPr>
          <w:rFonts w:ascii="Times New Roman" w:hAnsi="Times New Roman" w:cs="Times New Roman"/>
          <w:color w:val="000000" w:themeColor="text1"/>
        </w:rPr>
        <w:t>,  Mahadev</w:t>
      </w:r>
      <w:proofErr w:type="gramEnd"/>
      <w:r w:rsidRPr="000F6E01">
        <w:rPr>
          <w:rFonts w:ascii="Times New Roman" w:hAnsi="Times New Roman" w:cs="Times New Roman"/>
          <w:color w:val="000000" w:themeColor="text1"/>
        </w:rPr>
        <w:t xml:space="preserve"> A. Un unexpected outcome following radial head excision for Jeffery type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IIfracture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-dislocation of the proximal radius in child. Annals academy </w:t>
      </w:r>
      <w:proofErr w:type="gramStart"/>
      <w:r w:rsidRPr="000F6E01">
        <w:rPr>
          <w:rFonts w:ascii="Times New Roman" w:hAnsi="Times New Roman" w:cs="Times New Roman"/>
          <w:color w:val="000000" w:themeColor="text1"/>
        </w:rPr>
        <w:t>of  Medicine</w:t>
      </w:r>
      <w:proofErr w:type="gramEnd"/>
      <w:r w:rsidRPr="000F6E01">
        <w:rPr>
          <w:rFonts w:ascii="Times New Roman" w:hAnsi="Times New Roman" w:cs="Times New Roman"/>
          <w:color w:val="000000" w:themeColor="text1"/>
        </w:rPr>
        <w:t xml:space="preserve"> 2010. Vol 39. Nº 9. 742-744</w:t>
      </w:r>
    </w:p>
    <w:p w:rsidR="001834F9" w:rsidRPr="000F6E01" w:rsidRDefault="001834F9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r w:rsidRPr="000F6E01">
        <w:rPr>
          <w:rFonts w:ascii="Times New Roman" w:hAnsi="Times New Roman" w:cs="Times New Roman"/>
          <w:color w:val="000000" w:themeColor="text1"/>
        </w:rPr>
        <w:t>Wilkins KE. Operative management of upper extremity fractures in children. American academy of orthopedic Surgeons monographs Series. Rosemont: American Academy of Orthopedic Surgeons,1994</w:t>
      </w:r>
    </w:p>
    <w:p w:rsidR="001834F9" w:rsidRPr="000F6E01" w:rsidRDefault="001834F9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proofErr w:type="spellStart"/>
      <w:r w:rsidRPr="000F6E01">
        <w:rPr>
          <w:rFonts w:ascii="Times New Roman" w:hAnsi="Times New Roman" w:cs="Times New Roman"/>
          <w:color w:val="000000" w:themeColor="text1"/>
        </w:rPr>
        <w:t>Shtarker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H, Stahl S, Ross A. the upside-down radial head a diagnosis challenge-. J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Pediatr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Orthop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2001;10:331-333</w:t>
      </w:r>
    </w:p>
    <w:p w:rsidR="001834F9" w:rsidRPr="000F6E01" w:rsidRDefault="001834F9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proofErr w:type="spellStart"/>
      <w:r w:rsidRPr="000F6E01">
        <w:rPr>
          <w:rFonts w:ascii="Times New Roman" w:hAnsi="Times New Roman" w:cs="Times New Roman"/>
          <w:color w:val="000000" w:themeColor="text1"/>
        </w:rPr>
        <w:lastRenderedPageBreak/>
        <w:t>Chotel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FM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Sailhan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F, Martin JN et al. A specific closed percutaneous technique for reduction of Jeffery type II lesion. J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Pediatr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Orthop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B. 2006;15:376-378</w:t>
      </w:r>
    </w:p>
    <w:p w:rsidR="00DD6738" w:rsidRPr="000F6E01" w:rsidRDefault="00DD6738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proofErr w:type="spellStart"/>
      <w:r w:rsidRPr="000F6E01">
        <w:rPr>
          <w:rFonts w:ascii="Times New Roman" w:hAnsi="Times New Roman" w:cs="Times New Roman"/>
          <w:color w:val="000000" w:themeColor="text1"/>
        </w:rPr>
        <w:t>Tibone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</w:t>
      </w:r>
      <w:proofErr w:type="gramStart"/>
      <w:r w:rsidRPr="000F6E01">
        <w:rPr>
          <w:rFonts w:ascii="Times New Roman" w:hAnsi="Times New Roman" w:cs="Times New Roman"/>
          <w:color w:val="000000" w:themeColor="text1"/>
        </w:rPr>
        <w:t>JE ,</w:t>
      </w:r>
      <w:proofErr w:type="gramEnd"/>
      <w:r w:rsidRPr="000F6E01">
        <w:rPr>
          <w:rFonts w:ascii="Times New Roman" w:hAnsi="Times New Roman" w:cs="Times New Roman"/>
          <w:color w:val="000000" w:themeColor="text1"/>
        </w:rPr>
        <w:t xml:space="preserve">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Stoltz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m. Fractures  of the radial head and neck in children. J Bone Joint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Surg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>, 1981;63-a.100-106</w:t>
      </w:r>
    </w:p>
    <w:p w:rsidR="00DD6738" w:rsidRPr="000F6E01" w:rsidRDefault="00DD6738" w:rsidP="007E2E75">
      <w:pPr>
        <w:pStyle w:val="ListParagraph"/>
        <w:numPr>
          <w:ilvl w:val="0"/>
          <w:numId w:val="1"/>
        </w:num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ind w:left="360"/>
        <w:jc w:val="both"/>
        <w:rPr>
          <w:rFonts w:ascii="Times New Roman" w:hAnsi="Times New Roman" w:cs="Times New Roman"/>
          <w:color w:val="000000" w:themeColor="text1"/>
        </w:rPr>
      </w:pP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Métaizeau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 JP,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Lascombes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 P, </w:t>
      </w:r>
      <w:proofErr w:type="spellStart"/>
      <w:r w:rsidRPr="00164ABE">
        <w:rPr>
          <w:rFonts w:ascii="Times New Roman" w:hAnsi="Times New Roman" w:cs="Times New Roman"/>
          <w:color w:val="000000" w:themeColor="text1"/>
          <w:lang w:val="fr-FR"/>
        </w:rPr>
        <w:t>Lemelle</w:t>
      </w:r>
      <w:proofErr w:type="spellEnd"/>
      <w:r w:rsidRPr="00164ABE">
        <w:rPr>
          <w:rFonts w:ascii="Times New Roman" w:hAnsi="Times New Roman" w:cs="Times New Roman"/>
          <w:color w:val="000000" w:themeColor="text1"/>
          <w:lang w:val="fr-FR"/>
        </w:rPr>
        <w:t xml:space="preserve"> JL et al. </w:t>
      </w:r>
      <w:r w:rsidRPr="000F6E01">
        <w:rPr>
          <w:rFonts w:ascii="Times New Roman" w:hAnsi="Times New Roman" w:cs="Times New Roman"/>
          <w:color w:val="000000" w:themeColor="text1"/>
        </w:rPr>
        <w:t xml:space="preserve">Reduction and fixation of displaced radial neck fractures by closed intramedullary pinning. J </w:t>
      </w:r>
      <w:proofErr w:type="spellStart"/>
      <w:r w:rsidRPr="000F6E01">
        <w:rPr>
          <w:rFonts w:ascii="Times New Roman" w:hAnsi="Times New Roman" w:cs="Times New Roman"/>
          <w:color w:val="000000" w:themeColor="text1"/>
        </w:rPr>
        <w:t>Pediatr</w:t>
      </w:r>
      <w:proofErr w:type="spellEnd"/>
      <w:r w:rsidRPr="000F6E01">
        <w:rPr>
          <w:rFonts w:ascii="Times New Roman" w:hAnsi="Times New Roman" w:cs="Times New Roman"/>
          <w:color w:val="000000" w:themeColor="text1"/>
        </w:rPr>
        <w:t xml:space="preserve"> 1993; 13:355-360</w:t>
      </w:r>
    </w:p>
    <w:p w:rsidR="00125F1D" w:rsidRDefault="00AC5AD5" w:rsidP="007E2E75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</w:rPr>
      </w:pPr>
      <w:r w:rsidRPr="000F6E01">
        <w:rPr>
          <w:rFonts w:ascii="Times New Roman" w:hAnsi="Times New Roman" w:cs="Times New Roman"/>
          <w:color w:val="000000" w:themeColor="text1"/>
        </w:rPr>
        <w:tab/>
      </w:r>
    </w:p>
    <w:p w:rsidR="008578B8" w:rsidRPr="00AC1EC5" w:rsidRDefault="008578B8" w:rsidP="007E2E75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9498"/>
          <w:tab w:val="left" w:pos="9639"/>
          <w:tab w:val="left" w:pos="10076"/>
          <w:tab w:val="left" w:pos="10206"/>
          <w:tab w:val="left" w:pos="10992"/>
          <w:tab w:val="left" w:pos="11908"/>
          <w:tab w:val="left" w:pos="12824"/>
          <w:tab w:val="left" w:pos="13740"/>
          <w:tab w:val="left" w:pos="14656"/>
        </w:tabs>
        <w:spacing w:line="360" w:lineRule="auto"/>
        <w:jc w:val="both"/>
        <w:rPr>
          <w:rFonts w:ascii="Times New Roman" w:hAnsi="Times New Roman" w:cs="Times New Roman"/>
          <w:i/>
          <w:color w:val="000000" w:themeColor="text1"/>
        </w:rPr>
      </w:pPr>
      <w:r w:rsidRPr="00AC1EC5">
        <w:rPr>
          <w:rFonts w:ascii="Times New Roman" w:hAnsi="Times New Roman" w:cs="Times New Roman"/>
          <w:i/>
          <w:color w:val="000000" w:themeColor="text1"/>
        </w:rPr>
        <w:t>Figure:</w:t>
      </w:r>
    </w:p>
    <w:p w:rsidR="008578B8" w:rsidRDefault="008578B8" w:rsidP="008578B8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8578B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Figure 1A, 1B </w:t>
      </w:r>
      <w:r w:rsidR="00A450D2" w:rsidRPr="008578B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(Fig.1A</w:t>
      </w:r>
      <w:r w:rsidR="005D269E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, 1B): </w:t>
      </w:r>
      <w:r w:rsidRPr="00DD6738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Radiographs showed a displaced radial head lying at 90º to </w:t>
      </w: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the shaft  </w:t>
      </w:r>
    </w:p>
    <w:p w:rsidR="00047FCA" w:rsidRDefault="00954842" w:rsidP="008578B8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Figure 2A, 2 B </w:t>
      </w:r>
      <w:proofErr w:type="gramStart"/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( Fig</w:t>
      </w:r>
      <w:proofErr w:type="gramEnd"/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.</w:t>
      </w:r>
      <w:r w:rsidR="00047FCA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2A, 2B) 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our months post-op. Delayed consolidation can be observed, in both AP and lateral views</w:t>
      </w:r>
    </w:p>
    <w:p w:rsidR="007E2E75" w:rsidRDefault="006C2E6D" w:rsidP="008578B8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Figure </w:t>
      </w:r>
      <w:r w:rsidR="00047FCA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3</w:t>
      </w:r>
      <w:r w:rsidR="00A450D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, 2B</w:t>
      </w: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. (Fig.</w:t>
      </w:r>
      <w:r w:rsidR="00047FCA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3</w:t>
      </w:r>
      <w:r w:rsidR="00A450D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A</w:t>
      </w:r>
      <w:r w:rsidR="005D269E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, </w:t>
      </w:r>
      <w:r w:rsidR="00047FCA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3</w:t>
      </w:r>
      <w:r w:rsidR="005D269E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B</w:t>
      </w:r>
      <w:r w:rsidR="00A450D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)</w:t>
      </w:r>
      <w:r w:rsidR="00954842" w:rsidRPr="00954842">
        <w:rPr>
          <w:lang w:val="en-US"/>
        </w:rPr>
        <w:t xml:space="preserve"> </w:t>
      </w:r>
      <w:r w:rsidR="00954842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In the X ray of the 2nd surgery, after the area was cleaned of fibrous adhesions and the head was fixed with 1.5mm screws</w:t>
      </w:r>
    </w:p>
    <w:p w:rsidR="00954842" w:rsidRDefault="00954842" w:rsidP="008578B8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ig</w:t>
      </w: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ure 4A, 4B (Fig.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4A, 4B</w:t>
      </w: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)</w:t>
      </w:r>
      <w:r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: In the AP and Lateral views of X ray, a correct consolidation of the fracture can be observed.</w:t>
      </w:r>
    </w:p>
    <w:p w:rsidR="00047FCA" w:rsidRPr="00986A8D" w:rsidRDefault="00047FCA" w:rsidP="00986A8D">
      <w:pPr>
        <w:pStyle w:val="HTMLPreformatted"/>
        <w:tabs>
          <w:tab w:val="left" w:pos="9498"/>
          <w:tab w:val="left" w:pos="9639"/>
          <w:tab w:val="left" w:pos="10206"/>
        </w:tabs>
        <w:spacing w:line="360" w:lineRule="auto"/>
        <w:jc w:val="both"/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</w:pPr>
      <w:proofErr w:type="gramStart"/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Figure 5 </w:t>
      </w:r>
      <w:r w:rsid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(Fig.</w:t>
      </w:r>
      <w:r w:rsidRPr="00047FCA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5</w:t>
      </w:r>
      <w:r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)</w:t>
      </w:r>
      <w:r w:rsidRPr="00047FCA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.</w:t>
      </w:r>
      <w:proofErr w:type="gramEnd"/>
      <w:r w:rsidRPr="00047FCA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  <w:r w:rsidR="00954842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Clinical photo. Similar carrying angle on both sides and complete </w:t>
      </w:r>
      <w:proofErr w:type="spellStart"/>
      <w:r w:rsidR="00954842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>flexoextension</w:t>
      </w:r>
      <w:proofErr w:type="spellEnd"/>
      <w:r w:rsidR="00954842" w:rsidRP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can be seen.</w:t>
      </w:r>
      <w:r w:rsidR="00954842">
        <w:rPr>
          <w:rFonts w:ascii="Times New Roman" w:hAnsi="Times New Roman" w:cs="Times New Roman"/>
          <w:color w:val="000000" w:themeColor="text1"/>
          <w:sz w:val="24"/>
          <w:szCs w:val="24"/>
          <w:lang w:val="en-US"/>
        </w:rPr>
        <w:t xml:space="preserve"> </w:t>
      </w:r>
    </w:p>
    <w:sectPr w:rsidR="00047FCA" w:rsidRPr="00986A8D" w:rsidSect="001A47CC">
      <w:pgSz w:w="11906" w:h="16838"/>
      <w:pgMar w:top="1417" w:right="1701" w:bottom="1417" w:left="1701" w:header="708" w:footer="708" w:gutter="0"/>
      <w:lnNumType w:countBy="1" w:restart="continuous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auto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auto"/>
    <w:pitch w:val="variable"/>
    <w:sig w:usb0="E10002FF" w:usb1="4000ACFF" w:usb2="00000009" w:usb3="00000000" w:csb0="0000019F" w:csb1="00000000"/>
  </w:font>
  <w:font w:name="ＭＳ 明朝">
    <w:charset w:val="4E"/>
    <w:family w:val="auto"/>
    <w:pitch w:val="variable"/>
    <w:sig w:usb0="00000001" w:usb1="08070000" w:usb2="00000010" w:usb3="00000000" w:csb0="00020000" w:csb1="00000000"/>
  </w:font>
  <w:font w:name="Courier">
    <w:panose1 w:val="02000500000000000000"/>
    <w:charset w:val="00"/>
    <w:family w:val="auto"/>
    <w:pitch w:val="variable"/>
    <w:sig w:usb0="00000003" w:usb1="00000000" w:usb2="00000000" w:usb3="00000000" w:csb0="00000001" w:csb1="00000000"/>
  </w:font>
  <w:font w:name="Tahoma">
    <w:panose1 w:val="020B0604030504040204"/>
    <w:charset w:val="00"/>
    <w:family w:val="auto"/>
    <w:pitch w:val="variable"/>
    <w:sig w:usb0="E1002AFF" w:usb1="C000605B" w:usb2="00000029" w:usb3="00000000" w:csb0="000101FF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  <w:font w:name="ＭＳ ゴシック">
    <w:charset w:val="4E"/>
    <w:family w:val="auto"/>
    <w:pitch w:val="variable"/>
    <w:sig w:usb0="00000001" w:usb1="08070000" w:usb2="00000010" w:usb3="00000000" w:csb0="00020000" w:csb1="00000000"/>
  </w:font>
  <w:font w:name="Cambria">
    <w:panose1 w:val="02040503050406030204"/>
    <w:charset w:val="00"/>
    <w:family w:val="auto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89A2117"/>
    <w:multiLevelType w:val="hybridMultilevel"/>
    <w:tmpl w:val="BCE8837A"/>
    <w:lvl w:ilvl="0" w:tplc="10329A02">
      <w:start w:val="1"/>
      <w:numFmt w:val="decimal"/>
      <w:lvlText w:val="%1."/>
      <w:lvlJc w:val="left"/>
      <w:pPr>
        <w:ind w:left="76" w:hanging="36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796" w:hanging="360"/>
      </w:pPr>
    </w:lvl>
    <w:lvl w:ilvl="2" w:tplc="0C0A001B" w:tentative="1">
      <w:start w:val="1"/>
      <w:numFmt w:val="lowerRoman"/>
      <w:lvlText w:val="%3."/>
      <w:lvlJc w:val="right"/>
      <w:pPr>
        <w:ind w:left="1516" w:hanging="180"/>
      </w:pPr>
    </w:lvl>
    <w:lvl w:ilvl="3" w:tplc="0C0A000F" w:tentative="1">
      <w:start w:val="1"/>
      <w:numFmt w:val="decimal"/>
      <w:lvlText w:val="%4."/>
      <w:lvlJc w:val="left"/>
      <w:pPr>
        <w:ind w:left="2236" w:hanging="360"/>
      </w:pPr>
    </w:lvl>
    <w:lvl w:ilvl="4" w:tplc="0C0A0019" w:tentative="1">
      <w:start w:val="1"/>
      <w:numFmt w:val="lowerLetter"/>
      <w:lvlText w:val="%5."/>
      <w:lvlJc w:val="left"/>
      <w:pPr>
        <w:ind w:left="2956" w:hanging="360"/>
      </w:pPr>
    </w:lvl>
    <w:lvl w:ilvl="5" w:tplc="0C0A001B" w:tentative="1">
      <w:start w:val="1"/>
      <w:numFmt w:val="lowerRoman"/>
      <w:lvlText w:val="%6."/>
      <w:lvlJc w:val="right"/>
      <w:pPr>
        <w:ind w:left="3676" w:hanging="180"/>
      </w:pPr>
    </w:lvl>
    <w:lvl w:ilvl="6" w:tplc="0C0A000F" w:tentative="1">
      <w:start w:val="1"/>
      <w:numFmt w:val="decimal"/>
      <w:lvlText w:val="%7."/>
      <w:lvlJc w:val="left"/>
      <w:pPr>
        <w:ind w:left="4396" w:hanging="360"/>
      </w:pPr>
    </w:lvl>
    <w:lvl w:ilvl="7" w:tplc="0C0A0019" w:tentative="1">
      <w:start w:val="1"/>
      <w:numFmt w:val="lowerLetter"/>
      <w:lvlText w:val="%8."/>
      <w:lvlJc w:val="left"/>
      <w:pPr>
        <w:ind w:left="5116" w:hanging="360"/>
      </w:pPr>
    </w:lvl>
    <w:lvl w:ilvl="8" w:tplc="0C0A001B" w:tentative="1">
      <w:start w:val="1"/>
      <w:numFmt w:val="lowerRoman"/>
      <w:lvlText w:val="%9."/>
      <w:lvlJc w:val="right"/>
      <w:pPr>
        <w:ind w:left="5836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125F1D"/>
    <w:rsid w:val="0000059E"/>
    <w:rsid w:val="0004789A"/>
    <w:rsid w:val="00047913"/>
    <w:rsid w:val="00047FCA"/>
    <w:rsid w:val="00074691"/>
    <w:rsid w:val="00087F0A"/>
    <w:rsid w:val="000913E0"/>
    <w:rsid w:val="000D2525"/>
    <w:rsid w:val="000E30DF"/>
    <w:rsid w:val="000F6E01"/>
    <w:rsid w:val="00124E16"/>
    <w:rsid w:val="00125F1D"/>
    <w:rsid w:val="001440E5"/>
    <w:rsid w:val="001527A1"/>
    <w:rsid w:val="00157E53"/>
    <w:rsid w:val="0016348A"/>
    <w:rsid w:val="00164ABE"/>
    <w:rsid w:val="001834F9"/>
    <w:rsid w:val="001A47CC"/>
    <w:rsid w:val="002244C5"/>
    <w:rsid w:val="00244841"/>
    <w:rsid w:val="00282229"/>
    <w:rsid w:val="002A5C0A"/>
    <w:rsid w:val="002A722B"/>
    <w:rsid w:val="002C2566"/>
    <w:rsid w:val="002C6F26"/>
    <w:rsid w:val="002C7D2F"/>
    <w:rsid w:val="0031446F"/>
    <w:rsid w:val="003540EC"/>
    <w:rsid w:val="003A76AF"/>
    <w:rsid w:val="004152C6"/>
    <w:rsid w:val="004D01C8"/>
    <w:rsid w:val="004F5245"/>
    <w:rsid w:val="005208DB"/>
    <w:rsid w:val="00534E5B"/>
    <w:rsid w:val="005A725B"/>
    <w:rsid w:val="005A785F"/>
    <w:rsid w:val="005B101A"/>
    <w:rsid w:val="005D269E"/>
    <w:rsid w:val="005F0209"/>
    <w:rsid w:val="005F03F9"/>
    <w:rsid w:val="00636BC4"/>
    <w:rsid w:val="00654D6D"/>
    <w:rsid w:val="006C2C4D"/>
    <w:rsid w:val="006C2E6D"/>
    <w:rsid w:val="007045CC"/>
    <w:rsid w:val="00760B80"/>
    <w:rsid w:val="007852B8"/>
    <w:rsid w:val="007A3615"/>
    <w:rsid w:val="007C5060"/>
    <w:rsid w:val="007D2AD2"/>
    <w:rsid w:val="007E0B09"/>
    <w:rsid w:val="007E2E75"/>
    <w:rsid w:val="007E51D3"/>
    <w:rsid w:val="0084680E"/>
    <w:rsid w:val="00847E70"/>
    <w:rsid w:val="008578B8"/>
    <w:rsid w:val="0087142F"/>
    <w:rsid w:val="008808E1"/>
    <w:rsid w:val="008C01F6"/>
    <w:rsid w:val="008D771A"/>
    <w:rsid w:val="00954842"/>
    <w:rsid w:val="009626E9"/>
    <w:rsid w:val="00975816"/>
    <w:rsid w:val="00986A8D"/>
    <w:rsid w:val="009A0535"/>
    <w:rsid w:val="009C1E0C"/>
    <w:rsid w:val="009C4068"/>
    <w:rsid w:val="009D7555"/>
    <w:rsid w:val="009E6B5F"/>
    <w:rsid w:val="00A36978"/>
    <w:rsid w:val="00A450D2"/>
    <w:rsid w:val="00A918C0"/>
    <w:rsid w:val="00AC1EC5"/>
    <w:rsid w:val="00AC5AD5"/>
    <w:rsid w:val="00B136DC"/>
    <w:rsid w:val="00B17829"/>
    <w:rsid w:val="00B23891"/>
    <w:rsid w:val="00B57902"/>
    <w:rsid w:val="00B71CE9"/>
    <w:rsid w:val="00B85EDE"/>
    <w:rsid w:val="00BE7E20"/>
    <w:rsid w:val="00C10E6C"/>
    <w:rsid w:val="00C82FAB"/>
    <w:rsid w:val="00CA431E"/>
    <w:rsid w:val="00CA66FE"/>
    <w:rsid w:val="00CB1DC1"/>
    <w:rsid w:val="00CD5CD8"/>
    <w:rsid w:val="00D218C0"/>
    <w:rsid w:val="00D5391D"/>
    <w:rsid w:val="00D60DBB"/>
    <w:rsid w:val="00D97D59"/>
    <w:rsid w:val="00DC28C3"/>
    <w:rsid w:val="00DC6A79"/>
    <w:rsid w:val="00DD6738"/>
    <w:rsid w:val="00E25801"/>
    <w:rsid w:val="00E3007C"/>
    <w:rsid w:val="00E36FE8"/>
    <w:rsid w:val="00E81299"/>
    <w:rsid w:val="00F22D1D"/>
    <w:rsid w:val="00F270AB"/>
    <w:rsid w:val="00F45D86"/>
    <w:rsid w:val="00F61162"/>
    <w:rsid w:val="00F94E2A"/>
    <w:rsid w:val="00F969B9"/>
    <w:rsid w:val="00FB706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1027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76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uiPriority="59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C5060"/>
    <w:pPr>
      <w:spacing w:after="0" w:line="240" w:lineRule="auto"/>
    </w:pPr>
    <w:rPr>
      <w:rFonts w:eastAsiaTheme="minorEastAsia"/>
      <w:sz w:val="24"/>
      <w:szCs w:val="24"/>
      <w:lang w:val="en-US" w:eastAsia="es-E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TMLPreformatted">
    <w:name w:val="HTML Preformatted"/>
    <w:basedOn w:val="Normal"/>
    <w:link w:val="HTMLPreformattedChar"/>
    <w:uiPriority w:val="99"/>
    <w:unhideWhenUsed/>
    <w:rsid w:val="007C5060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" w:hAnsi="Courier" w:cs="Courier"/>
      <w:sz w:val="20"/>
      <w:szCs w:val="20"/>
      <w:lang w:val="es-ES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sid w:val="007C5060"/>
    <w:rPr>
      <w:rFonts w:ascii="Courier" w:eastAsiaTheme="minorEastAsia" w:hAnsi="Courier" w:cs="Courier"/>
      <w:sz w:val="20"/>
      <w:szCs w:val="20"/>
      <w:lang w:eastAsia="es-ES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B23891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23891"/>
    <w:rPr>
      <w:rFonts w:ascii="Tahoma" w:eastAsiaTheme="minorEastAsia" w:hAnsi="Tahoma" w:cs="Tahoma"/>
      <w:sz w:val="16"/>
      <w:szCs w:val="16"/>
      <w:lang w:val="en-US" w:eastAsia="es-ES"/>
    </w:rPr>
  </w:style>
  <w:style w:type="character" w:styleId="Emphasis">
    <w:name w:val="Emphasis"/>
    <w:basedOn w:val="DefaultParagraphFont"/>
    <w:uiPriority w:val="20"/>
    <w:qFormat/>
    <w:rsid w:val="00F22D1D"/>
    <w:rPr>
      <w:i/>
      <w:iCs/>
    </w:rPr>
  </w:style>
  <w:style w:type="paragraph" w:styleId="ListParagraph">
    <w:name w:val="List Paragraph"/>
    <w:basedOn w:val="Normal"/>
    <w:uiPriority w:val="34"/>
    <w:qFormat/>
    <w:rsid w:val="007A3615"/>
    <w:pPr>
      <w:ind w:left="720"/>
      <w:contextualSpacing/>
    </w:pPr>
  </w:style>
  <w:style w:type="character" w:styleId="LineNumber">
    <w:name w:val="line number"/>
    <w:basedOn w:val="DefaultParagraphFont"/>
    <w:uiPriority w:val="99"/>
    <w:semiHidden/>
    <w:unhideWhenUsed/>
    <w:rsid w:val="001A47CC"/>
  </w:style>
</w:styles>
</file>

<file path=word/stylesWithEffects.xml><?xml version="1.0" encoding="utf-8"?>
<w:styl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76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uiPriority="59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C5060"/>
    <w:pPr>
      <w:spacing w:after="0" w:line="240" w:lineRule="auto"/>
    </w:pPr>
    <w:rPr>
      <w:rFonts w:eastAsiaTheme="minorEastAsia"/>
      <w:sz w:val="24"/>
      <w:szCs w:val="24"/>
      <w:lang w:val="en-US" w:eastAsia="es-E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TMLPreformatted">
    <w:name w:val="HTML Preformatted"/>
    <w:basedOn w:val="Normal"/>
    <w:link w:val="HTMLPreformattedChar"/>
    <w:uiPriority w:val="99"/>
    <w:unhideWhenUsed/>
    <w:rsid w:val="007C5060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" w:hAnsi="Courier" w:cs="Courier"/>
      <w:sz w:val="20"/>
      <w:szCs w:val="20"/>
      <w:lang w:val="es-ES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sid w:val="007C5060"/>
    <w:rPr>
      <w:rFonts w:ascii="Courier" w:eastAsiaTheme="minorEastAsia" w:hAnsi="Courier" w:cs="Courier"/>
      <w:sz w:val="20"/>
      <w:szCs w:val="20"/>
      <w:lang w:eastAsia="es-ES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B23891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23891"/>
    <w:rPr>
      <w:rFonts w:ascii="Tahoma" w:eastAsiaTheme="minorEastAsia" w:hAnsi="Tahoma" w:cs="Tahoma"/>
      <w:sz w:val="16"/>
      <w:szCs w:val="16"/>
      <w:lang w:val="en-US" w:eastAsia="es-ES"/>
    </w:rPr>
  </w:style>
  <w:style w:type="character" w:styleId="Emphasis">
    <w:name w:val="Emphasis"/>
    <w:basedOn w:val="DefaultParagraphFont"/>
    <w:uiPriority w:val="20"/>
    <w:qFormat/>
    <w:rsid w:val="00F22D1D"/>
    <w:rPr>
      <w:i/>
      <w:iCs/>
    </w:rPr>
  </w:style>
  <w:style w:type="paragraph" w:styleId="ListParagraph">
    <w:name w:val="List Paragraph"/>
    <w:basedOn w:val="Normal"/>
    <w:uiPriority w:val="34"/>
    <w:qFormat/>
    <w:rsid w:val="007A3615"/>
    <w:pPr>
      <w:ind w:left="720"/>
      <w:contextualSpacing/>
    </w:pPr>
  </w:style>
  <w:style w:type="character" w:styleId="LineNumber">
    <w:name w:val="line number"/>
    <w:basedOn w:val="DefaultParagraphFont"/>
    <w:uiPriority w:val="99"/>
    <w:semiHidden/>
    <w:unhideWhenUsed/>
    <w:rsid w:val="001A47CC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976028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638508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484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0582557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370799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981511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018332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1637386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09646407">
          <w:marLeft w:val="0"/>
          <w:marRight w:val="0"/>
          <w:marTop w:val="3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97624041">
              <w:marLeft w:val="0"/>
              <w:marRight w:val="0"/>
              <w:marTop w:val="0"/>
              <w:marBottom w:val="0"/>
              <w:divBdr>
                <w:top w:val="single" w:sz="6" w:space="0" w:color="DDDDDD"/>
                <w:left w:val="single" w:sz="6" w:space="0" w:color="DDDDDD"/>
                <w:bottom w:val="single" w:sz="6" w:space="0" w:color="DDDDDD"/>
                <w:right w:val="single" w:sz="6" w:space="0" w:color="DDDDDD"/>
              </w:divBdr>
            </w:div>
          </w:divsChild>
        </w:div>
      </w:divsChild>
    </w:div>
    <w:div w:id="16147012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00355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  <w:doNotSaveAsSingleFile/>
</w:webSettings>
</file>

<file path=word/_rels/document.xml.rels><?xml version="1.0" encoding="UTF-8" standalone="yes"?>
<Relationships xmlns="http://schemas.openxmlformats.org/package/2006/relationships"><Relationship Id="rId11" Type="http://schemas.openxmlformats.org/officeDocument/2006/relationships/image" Target="media/image5.jpeg"/><Relationship Id="rId12" Type="http://schemas.openxmlformats.org/officeDocument/2006/relationships/fontTable" Target="fontTable.xml"/><Relationship Id="rId13" Type="http://schemas.openxmlformats.org/officeDocument/2006/relationships/theme" Target="theme/theme1.xml"/><Relationship Id="rId1" Type="http://schemas.openxmlformats.org/officeDocument/2006/relationships/customXml" Target="../customXml/item1.xml"/><Relationship Id="rId2" Type="http://schemas.openxmlformats.org/officeDocument/2006/relationships/numbering" Target="numbering.xml"/><Relationship Id="rId3" Type="http://schemas.openxmlformats.org/officeDocument/2006/relationships/styles" Target="styles.xml"/><Relationship Id="rId4" Type="http://schemas.microsoft.com/office/2007/relationships/stylesWithEffects" Target="stylesWithEffects.xml"/><Relationship Id="rId5" Type="http://schemas.openxmlformats.org/officeDocument/2006/relationships/settings" Target="settings.xml"/><Relationship Id="rId6" Type="http://schemas.openxmlformats.org/officeDocument/2006/relationships/webSettings" Target="webSettings.xml"/><Relationship Id="rId7" Type="http://schemas.openxmlformats.org/officeDocument/2006/relationships/image" Target="media/image1.jpeg"/><Relationship Id="rId8" Type="http://schemas.openxmlformats.org/officeDocument/2006/relationships/image" Target="media/image2.jpeg"/><Relationship Id="rId9" Type="http://schemas.openxmlformats.org/officeDocument/2006/relationships/image" Target="media/image3.jpeg"/><Relationship Id="rId10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675B0F5-2111-3248-89EF-12C5CDB675D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9</Pages>
  <Words>1947</Words>
  <Characters>11103</Characters>
  <Application>Microsoft Macintosh Word</Application>
  <DocSecurity>0</DocSecurity>
  <Lines>92</Lines>
  <Paragraphs>26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Hospital Universitari Son Espases</Company>
  <LinksUpToDate>false</LinksUpToDate>
  <CharactersWithSpaces>1302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Usuario</dc:creator>
  <cp:lastModifiedBy>Piretro  Pelato</cp:lastModifiedBy>
  <cp:revision>2</cp:revision>
  <cp:lastPrinted>2019-02-03T18:02:00Z</cp:lastPrinted>
  <dcterms:created xsi:type="dcterms:W3CDTF">2019-02-03T20:15:00Z</dcterms:created>
  <dcterms:modified xsi:type="dcterms:W3CDTF">2019-02-03T20:15:00Z</dcterms:modified>
</cp:coreProperties>
</file>